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6526579\Desktop\"/>
    </mc:Choice>
  </mc:AlternateContent>
  <xr:revisionPtr revIDLastSave="0" documentId="13_ncr:1_{606B29CE-7752-4887-A1AC-ECFFFD5AE818}" xr6:coauthVersionLast="47" xr6:coauthVersionMax="47" xr10:uidLastSave="{00000000-0000-0000-0000-000000000000}"/>
  <bookViews>
    <workbookView xWindow="1440" yWindow="1620" windowWidth="21600" windowHeight="11340" xr2:uid="{C5489F37-6DF7-4638-B3E0-849ACB4738F7}"/>
  </bookViews>
  <sheets>
    <sheet name="採用申込書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0" uniqueCount="43">
  <si>
    <t>大阪市会計年度任用職員採用申込書</t>
    <rPh sb="0" eb="3">
      <t>オオサカシ</t>
    </rPh>
    <rPh sb="3" eb="5">
      <t>カイケイ</t>
    </rPh>
    <rPh sb="5" eb="7">
      <t>ネンド</t>
    </rPh>
    <rPh sb="7" eb="8">
      <t>ニン</t>
    </rPh>
    <rPh sb="8" eb="9">
      <t>ヨウ</t>
    </rPh>
    <rPh sb="9" eb="11">
      <t>ショクイン</t>
    </rPh>
    <rPh sb="11" eb="13">
      <t>サイヨウ</t>
    </rPh>
    <rPh sb="13" eb="15">
      <t>モウシコミ</t>
    </rPh>
    <rPh sb="15" eb="16">
      <t>ショ</t>
    </rPh>
    <phoneticPr fontId="4"/>
  </si>
  <si>
    <t>（    　　　年　　　月　　　日現在）</t>
    <rPh sb="8" eb="9">
      <t>ネン</t>
    </rPh>
    <rPh sb="12" eb="13">
      <t>ガツ</t>
    </rPh>
    <rPh sb="16" eb="17">
      <t>ニチ</t>
    </rPh>
    <rPh sb="17" eb="19">
      <t>ゲンザイ</t>
    </rPh>
    <phoneticPr fontId="4"/>
  </si>
  <si>
    <r>
      <t xml:space="preserve">写　　　　真
</t>
    </r>
    <r>
      <rPr>
        <sz val="10"/>
        <rFont val="ＭＳ 明朝"/>
        <family val="1"/>
        <charset val="128"/>
      </rPr>
      <t>（4㎝×3㎝）
半身・正面・脱帽
過去3ヶ月以内
に撮影したもの</t>
    </r>
    <rPh sb="0" eb="1">
      <t>シャ</t>
    </rPh>
    <rPh sb="5" eb="6">
      <t>マコト</t>
    </rPh>
    <rPh sb="17" eb="19">
      <t>ハンミ</t>
    </rPh>
    <rPh sb="20" eb="22">
      <t>ショウメン</t>
    </rPh>
    <rPh sb="23" eb="25">
      <t>ダツボウ</t>
    </rPh>
    <rPh sb="26" eb="28">
      <t>カコ</t>
    </rPh>
    <rPh sb="30" eb="31">
      <t>ゲツ</t>
    </rPh>
    <rPh sb="31" eb="33">
      <t>イナイ</t>
    </rPh>
    <rPh sb="35" eb="37">
      <t>サツエイ</t>
    </rPh>
    <phoneticPr fontId="4"/>
  </si>
  <si>
    <r>
      <t xml:space="preserve">職　　  種
</t>
    </r>
    <r>
      <rPr>
        <sz val="9"/>
        <rFont val="ＭＳ 明朝"/>
        <family val="1"/>
        <charset val="128"/>
      </rPr>
      <t>（いずれか１つに〇）</t>
    </r>
    <rPh sb="0" eb="1">
      <t>ショク</t>
    </rPh>
    <rPh sb="5" eb="6">
      <t>タネ</t>
    </rPh>
    <phoneticPr fontId="4"/>
  </si>
  <si>
    <t>①訪問指導業務</t>
    <phoneticPr fontId="4"/>
  </si>
  <si>
    <t>④幼児歯科健康診査等業務</t>
    <phoneticPr fontId="9"/>
  </si>
  <si>
    <t>②幼児歯科健康診査等業務</t>
    <phoneticPr fontId="4"/>
  </si>
  <si>
    <t>③訪問口腔衛生指導業務</t>
    <phoneticPr fontId="4"/>
  </si>
  <si>
    <t>⑥訪問栄養指導業務</t>
    <phoneticPr fontId="9"/>
  </si>
  <si>
    <t>ふ り が な</t>
    <phoneticPr fontId="4"/>
  </si>
  <si>
    <t>性　別</t>
    <rPh sb="0" eb="1">
      <t>セイ</t>
    </rPh>
    <rPh sb="2" eb="3">
      <t>ベツ</t>
    </rPh>
    <phoneticPr fontId="4"/>
  </si>
  <si>
    <t>氏　　　名</t>
    <rPh sb="0" eb="1">
      <t>シ</t>
    </rPh>
    <rPh sb="4" eb="5">
      <t>メイ</t>
    </rPh>
    <phoneticPr fontId="4"/>
  </si>
  <si>
    <t>男 ・ 女</t>
    <rPh sb="0" eb="1">
      <t>オトコ</t>
    </rPh>
    <rPh sb="4" eb="5">
      <t>オンナ</t>
    </rPh>
    <phoneticPr fontId="4"/>
  </si>
  <si>
    <t>生 年 月 日</t>
    <rPh sb="0" eb="1">
      <t>ショウ</t>
    </rPh>
    <rPh sb="2" eb="3">
      <t>トシ</t>
    </rPh>
    <rPh sb="4" eb="5">
      <t>ツキ</t>
    </rPh>
    <rPh sb="6" eb="7">
      <t>ヒ</t>
    </rPh>
    <phoneticPr fontId="4"/>
  </si>
  <si>
    <t>　　　　 年　　 月　　 日生　  満　　　歳</t>
    <rPh sb="5" eb="6">
      <t>トシ</t>
    </rPh>
    <rPh sb="9" eb="10">
      <t>ツキ</t>
    </rPh>
    <rPh sb="13" eb="15">
      <t>ヒナセ</t>
    </rPh>
    <rPh sb="18" eb="19">
      <t>マン</t>
    </rPh>
    <rPh sb="22" eb="23">
      <t>トシ</t>
    </rPh>
    <phoneticPr fontId="4"/>
  </si>
  <si>
    <t>現  住  所</t>
    <rPh sb="0" eb="1">
      <t>ウツツ</t>
    </rPh>
    <rPh sb="3" eb="4">
      <t>ジュウ</t>
    </rPh>
    <rPh sb="6" eb="7">
      <t>ショ</t>
    </rPh>
    <phoneticPr fontId="4"/>
  </si>
  <si>
    <t>（　　　　　　　　）様方</t>
    <rPh sb="10" eb="12">
      <t>サマガタ</t>
    </rPh>
    <phoneticPr fontId="4"/>
  </si>
  <si>
    <t>郵 便 番 号</t>
    <rPh sb="0" eb="1">
      <t>ユウ</t>
    </rPh>
    <rPh sb="2" eb="3">
      <t>ビン</t>
    </rPh>
    <rPh sb="4" eb="5">
      <t>バン</t>
    </rPh>
    <rPh sb="6" eb="7">
      <t>ゴウ</t>
    </rPh>
    <phoneticPr fontId="4"/>
  </si>
  <si>
    <t>－</t>
  </si>
  <si>
    <t>電話</t>
    <rPh sb="0" eb="2">
      <t>デンワ</t>
    </rPh>
    <phoneticPr fontId="4"/>
  </si>
  <si>
    <t xml:space="preserve">
呼出（　　　　　　）様方</t>
    <rPh sb="1" eb="3">
      <t>ヨビダシ</t>
    </rPh>
    <rPh sb="11" eb="13">
      <t>サマガタ</t>
    </rPh>
    <phoneticPr fontId="4"/>
  </si>
  <si>
    <t>学　　歴</t>
    <rPh sb="0" eb="1">
      <t>ガク</t>
    </rPh>
    <rPh sb="3" eb="4">
      <t>レキ</t>
    </rPh>
    <phoneticPr fontId="4"/>
  </si>
  <si>
    <t>在 学 期 間</t>
    <rPh sb="0" eb="1">
      <t>ザイ</t>
    </rPh>
    <rPh sb="2" eb="3">
      <t>ガク</t>
    </rPh>
    <rPh sb="4" eb="5">
      <t>キ</t>
    </rPh>
    <rPh sb="6" eb="7">
      <t>アイダ</t>
    </rPh>
    <phoneticPr fontId="4"/>
  </si>
  <si>
    <t>学　校　名 （学 部・学 科 名）</t>
    <rPh sb="0" eb="1">
      <t>ガク</t>
    </rPh>
    <rPh sb="2" eb="3">
      <t>コウ</t>
    </rPh>
    <rPh sb="4" eb="5">
      <t>メイ</t>
    </rPh>
    <rPh sb="7" eb="8">
      <t>ガク</t>
    </rPh>
    <rPh sb="9" eb="10">
      <t>ブ</t>
    </rPh>
    <rPh sb="11" eb="12">
      <t>ガク</t>
    </rPh>
    <rPh sb="13" eb="14">
      <t>カ</t>
    </rPh>
    <rPh sb="15" eb="16">
      <t>メイ</t>
    </rPh>
    <phoneticPr fontId="4"/>
  </si>
  <si>
    <r>
      <rPr>
        <sz val="8"/>
        <rFont val="ＭＳ 明朝"/>
        <family val="1"/>
        <charset val="128"/>
      </rPr>
      <t>昭・平・令</t>
    </r>
    <r>
      <rPr>
        <sz val="10"/>
        <rFont val="ＭＳ 明朝"/>
        <family val="1"/>
        <charset val="128"/>
      </rPr>
      <t xml:space="preserve">　　年　　月から
</t>
    </r>
    <r>
      <rPr>
        <sz val="8"/>
        <rFont val="ＭＳ 明朝"/>
        <family val="1"/>
        <charset val="128"/>
      </rPr>
      <t>昭・平・令</t>
    </r>
    <r>
      <rPr>
        <sz val="10"/>
        <rFont val="ＭＳ 明朝"/>
        <family val="1"/>
        <charset val="128"/>
      </rPr>
      <t>　　年　　月まで</t>
    </r>
    <rPh sb="0" eb="1">
      <t>アキラ</t>
    </rPh>
    <rPh sb="2" eb="3">
      <t>タイラ</t>
    </rPh>
    <rPh sb="4" eb="5">
      <t>レイ</t>
    </rPh>
    <rPh sb="7" eb="8">
      <t>トシ</t>
    </rPh>
    <rPh sb="10" eb="11">
      <t>ツキ</t>
    </rPh>
    <rPh sb="21" eb="22">
      <t>トシ</t>
    </rPh>
    <rPh sb="24" eb="25">
      <t>ツキ</t>
    </rPh>
    <phoneticPr fontId="4"/>
  </si>
  <si>
    <r>
      <t>職　　歴</t>
    </r>
    <r>
      <rPr>
        <sz val="9"/>
        <rFont val="ＭＳ 明朝"/>
        <family val="1"/>
        <charset val="128"/>
      </rPr>
      <t>　</t>
    </r>
    <r>
      <rPr>
        <sz val="8"/>
        <rFont val="ＭＳ 明朝"/>
        <family val="1"/>
        <charset val="128"/>
      </rPr>
      <t>（古いものから順に記入してください。ただし、ない場合は「なし」と記入のこと。）</t>
    </r>
    <rPh sb="0" eb="1">
      <t>ショク</t>
    </rPh>
    <rPh sb="3" eb="4">
      <t>レキ</t>
    </rPh>
    <rPh sb="6" eb="7">
      <t>フル</t>
    </rPh>
    <rPh sb="12" eb="13">
      <t>ジュン</t>
    </rPh>
    <rPh sb="14" eb="16">
      <t>キニュウ</t>
    </rPh>
    <rPh sb="29" eb="31">
      <t>バアイ</t>
    </rPh>
    <rPh sb="37" eb="39">
      <t>キニュウ</t>
    </rPh>
    <phoneticPr fontId="4"/>
  </si>
  <si>
    <t>在 職 期 間</t>
    <rPh sb="0" eb="1">
      <t>ザイ</t>
    </rPh>
    <rPh sb="2" eb="3">
      <t>ショク</t>
    </rPh>
    <rPh sb="4" eb="5">
      <t>キ</t>
    </rPh>
    <rPh sb="6" eb="7">
      <t>アイダ</t>
    </rPh>
    <phoneticPr fontId="4"/>
  </si>
  <si>
    <t>勤　　　務　　　先　　　名</t>
    <rPh sb="0" eb="1">
      <t>ツトム</t>
    </rPh>
    <rPh sb="4" eb="5">
      <t>ツトム</t>
    </rPh>
    <rPh sb="8" eb="9">
      <t>サキ</t>
    </rPh>
    <rPh sb="12" eb="13">
      <t>メイ</t>
    </rPh>
    <phoneticPr fontId="4"/>
  </si>
  <si>
    <t>取得日</t>
    <rPh sb="0" eb="3">
      <t>シュトクビ</t>
    </rPh>
    <phoneticPr fontId="4"/>
  </si>
  <si>
    <t>資　格　免　許　名</t>
    <rPh sb="0" eb="1">
      <t>シ</t>
    </rPh>
    <rPh sb="2" eb="3">
      <t>カク</t>
    </rPh>
    <rPh sb="4" eb="5">
      <t>メン</t>
    </rPh>
    <rPh sb="6" eb="7">
      <t>モト</t>
    </rPh>
    <rPh sb="8" eb="9">
      <t>メイ</t>
    </rPh>
    <phoneticPr fontId="4"/>
  </si>
  <si>
    <t>昭・平・令　   年   　月</t>
    <rPh sb="0" eb="1">
      <t>アキラ</t>
    </rPh>
    <rPh sb="2" eb="3">
      <t>タイラ</t>
    </rPh>
    <rPh sb="4" eb="5">
      <t>レイ</t>
    </rPh>
    <rPh sb="9" eb="10">
      <t>トシ</t>
    </rPh>
    <rPh sb="14" eb="15">
      <t>ツキ</t>
    </rPh>
    <phoneticPr fontId="4"/>
  </si>
  <si>
    <t>昭・平・令　   年  　 月</t>
    <rPh sb="0" eb="1">
      <t>アキラ</t>
    </rPh>
    <rPh sb="2" eb="3">
      <t>タイラ</t>
    </rPh>
    <rPh sb="4" eb="5">
      <t>レイ</t>
    </rPh>
    <rPh sb="9" eb="10">
      <t>トシ</t>
    </rPh>
    <rPh sb="14" eb="15">
      <t>ツキ</t>
    </rPh>
    <phoneticPr fontId="4"/>
  </si>
  <si>
    <t>志　望　職　種　：　応募される職種のいずれか１つにチェックをしてください。</t>
    <rPh sb="10" eb="12">
      <t>オウボ</t>
    </rPh>
    <rPh sb="15" eb="17">
      <t>ショクシュ</t>
    </rPh>
    <phoneticPr fontId="4"/>
  </si>
  <si>
    <t>　□　【区分①】　訪問指導業務</t>
    <rPh sb="4" eb="6">
      <t>クブン</t>
    </rPh>
    <rPh sb="9" eb="11">
      <t>ホウモン</t>
    </rPh>
    <rPh sb="11" eb="13">
      <t>シドウ</t>
    </rPh>
    <rPh sb="13" eb="15">
      <t>ギョウム</t>
    </rPh>
    <phoneticPr fontId="4"/>
  </si>
  <si>
    <t>　□　【区分②】　幼児歯科健康診査等業務</t>
    <rPh sb="4" eb="6">
      <t>クブン</t>
    </rPh>
    <phoneticPr fontId="4"/>
  </si>
  <si>
    <t>　□　【区分③】　訪問口腔衛生指導業務</t>
    <rPh sb="4" eb="6">
      <t>クブン</t>
    </rPh>
    <rPh sb="8" eb="10">
      <t>ホウモン</t>
    </rPh>
    <rPh sb="10" eb="12">
      <t>コウクウ</t>
    </rPh>
    <rPh sb="12" eb="14">
      <t>エイセイ</t>
    </rPh>
    <rPh sb="14" eb="16">
      <t>シドウ</t>
    </rPh>
    <rPh sb="16" eb="18">
      <t>ギョウム</t>
    </rPh>
    <phoneticPr fontId="4"/>
  </si>
  <si>
    <t xml:space="preserve">志 望 動 機
</t>
    <rPh sb="0" eb="1">
      <t>ココロザシ</t>
    </rPh>
    <rPh sb="2" eb="3">
      <t>ノゾミ</t>
    </rPh>
    <rPh sb="4" eb="5">
      <t>ドウ</t>
    </rPh>
    <rPh sb="6" eb="7">
      <t>キ</t>
    </rPh>
    <phoneticPr fontId="4"/>
  </si>
  <si>
    <t xml:space="preserve">備　　　 考
</t>
    <rPh sb="0" eb="1">
      <t>ビ</t>
    </rPh>
    <rPh sb="5" eb="6">
      <t>コウ</t>
    </rPh>
    <phoneticPr fontId="4"/>
  </si>
  <si>
    <t>＜記入上の注意＞</t>
    <rPh sb="1" eb="3">
      <t>キニュウ</t>
    </rPh>
    <rPh sb="3" eb="4">
      <t>ジョウ</t>
    </rPh>
    <rPh sb="5" eb="7">
      <t>チュウイ</t>
    </rPh>
    <phoneticPr fontId="4"/>
  </si>
  <si>
    <t>　○黒インクまたは黒ボールペンを用い、かい書でていねいに記入してください。</t>
    <rPh sb="2" eb="3">
      <t>クロ</t>
    </rPh>
    <rPh sb="9" eb="10">
      <t>クロ</t>
    </rPh>
    <rPh sb="16" eb="17">
      <t>モチ</t>
    </rPh>
    <rPh sb="21" eb="22">
      <t>ショ</t>
    </rPh>
    <rPh sb="28" eb="30">
      <t>キニュウ</t>
    </rPh>
    <phoneticPr fontId="4"/>
  </si>
  <si>
    <t>　○性別・元号は○印でかこんでください。</t>
    <rPh sb="2" eb="4">
      <t>セイベツ</t>
    </rPh>
    <rPh sb="5" eb="7">
      <t>ゲンゴウ</t>
    </rPh>
    <rPh sb="9" eb="10">
      <t>シルシ</t>
    </rPh>
    <phoneticPr fontId="4"/>
  </si>
  <si>
    <t>　○現住所欄は郵便物が届くよう正確に記入してください。</t>
    <rPh sb="2" eb="5">
      <t>ゲンジュウショ</t>
    </rPh>
    <rPh sb="5" eb="6">
      <t>ラン</t>
    </rPh>
    <rPh sb="7" eb="10">
      <t>ユウビンブツ</t>
    </rPh>
    <rPh sb="11" eb="12">
      <t>トド</t>
    </rPh>
    <rPh sb="15" eb="17">
      <t>セイカク</t>
    </rPh>
    <rPh sb="18" eb="20">
      <t>キニュウ</t>
    </rPh>
    <phoneticPr fontId="4"/>
  </si>
  <si>
    <t>　○学歴・職歴・資格免許名欄が足りない場合は、別紙を添付してください。</t>
    <rPh sb="2" eb="4">
      <t>ガクレキ</t>
    </rPh>
    <rPh sb="5" eb="7">
      <t>ショクレキ</t>
    </rPh>
    <rPh sb="13" eb="14">
      <t>ラン</t>
    </rPh>
    <rPh sb="15" eb="16">
      <t>タ</t>
    </rPh>
    <rPh sb="19" eb="21">
      <t>バアイ</t>
    </rPh>
    <rPh sb="23" eb="25">
      <t>ベッシ</t>
    </rPh>
    <rPh sb="26" eb="28">
      <t>テンプ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20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2"/>
      <color rgb="FFFF0000"/>
      <name val="ＭＳ 明朝"/>
      <family val="1"/>
      <charset val="128"/>
    </font>
    <font>
      <sz val="16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1" fillId="0" borderId="0"/>
  </cellStyleXfs>
  <cellXfs count="98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5" fillId="0" borderId="0" xfId="1" applyFont="1">
      <alignment vertical="center"/>
    </xf>
    <xf numFmtId="0" fontId="5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center" vertical="center" wrapText="1"/>
    </xf>
    <xf numFmtId="0" fontId="5" fillId="0" borderId="3" xfId="1" applyFont="1" applyBorder="1" applyAlignment="1">
      <alignment horizontal="center" vertical="center" wrapText="1"/>
    </xf>
    <xf numFmtId="0" fontId="5" fillId="0" borderId="3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8" fillId="0" borderId="2" xfId="1" applyFont="1" applyBorder="1" applyAlignment="1">
      <alignment horizontal="center" vertical="center" wrapText="1"/>
    </xf>
    <xf numFmtId="0" fontId="8" fillId="0" borderId="5" xfId="1" applyFont="1" applyBorder="1" applyAlignment="1">
      <alignment horizontal="center" vertical="center" wrapText="1"/>
    </xf>
    <xf numFmtId="0" fontId="8" fillId="0" borderId="3" xfId="1" applyFont="1" applyBorder="1" applyAlignment="1">
      <alignment horizontal="center" vertical="center" wrapText="1"/>
    </xf>
    <xf numFmtId="0" fontId="5" fillId="0" borderId="6" xfId="1" applyFont="1" applyBorder="1" applyAlignment="1">
      <alignment horizontal="center" vertical="center" wrapText="1"/>
    </xf>
    <xf numFmtId="0" fontId="5" fillId="0" borderId="7" xfId="1" applyFont="1" applyBorder="1" applyAlignment="1">
      <alignment horizontal="center" vertical="center" wrapText="1"/>
    </xf>
    <xf numFmtId="0" fontId="5" fillId="0" borderId="6" xfId="1" applyFont="1" applyBorder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5" fillId="0" borderId="8" xfId="1" applyFont="1" applyBorder="1" applyAlignment="1">
      <alignment horizontal="center" vertical="center"/>
    </xf>
    <xf numFmtId="0" fontId="8" fillId="0" borderId="9" xfId="1" applyFont="1" applyBorder="1" applyAlignment="1">
      <alignment horizontal="center" vertical="center" wrapText="1"/>
    </xf>
    <xf numFmtId="0" fontId="8" fillId="0" borderId="10" xfId="1" applyFont="1" applyBorder="1" applyAlignment="1">
      <alignment horizontal="center" vertical="center" wrapText="1"/>
    </xf>
    <xf numFmtId="0" fontId="8" fillId="0" borderId="11" xfId="1" applyFont="1" applyBorder="1" applyAlignment="1">
      <alignment horizontal="center" vertical="center" wrapText="1"/>
    </xf>
    <xf numFmtId="0" fontId="5" fillId="0" borderId="12" xfId="1" applyFont="1" applyBorder="1" applyAlignment="1">
      <alignment horizontal="center" vertical="center"/>
    </xf>
    <xf numFmtId="0" fontId="5" fillId="0" borderId="13" xfId="1" applyFont="1" applyBorder="1" applyAlignment="1">
      <alignment horizontal="center" vertical="center"/>
    </xf>
    <xf numFmtId="0" fontId="5" fillId="0" borderId="14" xfId="1" applyFont="1" applyBorder="1" applyAlignment="1">
      <alignment horizontal="center" vertical="center"/>
    </xf>
    <xf numFmtId="0" fontId="8" fillId="0" borderId="15" xfId="1" applyFont="1" applyBorder="1" applyAlignment="1">
      <alignment horizontal="center" vertical="center" wrapText="1"/>
    </xf>
    <xf numFmtId="0" fontId="8" fillId="0" borderId="16" xfId="1" applyFont="1" applyBorder="1" applyAlignment="1">
      <alignment horizontal="center" vertical="center" wrapText="1"/>
    </xf>
    <xf numFmtId="0" fontId="8" fillId="0" borderId="17" xfId="1" applyFont="1" applyBorder="1" applyAlignment="1">
      <alignment horizontal="center" vertical="center" wrapText="1"/>
    </xf>
    <xf numFmtId="0" fontId="5" fillId="0" borderId="18" xfId="1" applyFont="1" applyBorder="1" applyAlignment="1">
      <alignment horizontal="center" vertical="center"/>
    </xf>
    <xf numFmtId="0" fontId="5" fillId="0" borderId="19" xfId="1" applyFont="1" applyBorder="1" applyAlignment="1">
      <alignment horizontal="center" vertical="center"/>
    </xf>
    <xf numFmtId="0" fontId="10" fillId="0" borderId="20" xfId="1" applyFont="1" applyBorder="1">
      <alignment vertical="center"/>
    </xf>
    <xf numFmtId="0" fontId="5" fillId="0" borderId="21" xfId="1" applyFont="1" applyBorder="1" applyAlignment="1">
      <alignment horizontal="center" vertical="center"/>
    </xf>
    <xf numFmtId="0" fontId="10" fillId="0" borderId="12" xfId="1" applyFont="1" applyBorder="1">
      <alignment vertical="center"/>
    </xf>
    <xf numFmtId="0" fontId="10" fillId="0" borderId="1" xfId="1" applyFont="1" applyBorder="1">
      <alignment vertical="center"/>
    </xf>
    <xf numFmtId="0" fontId="10" fillId="0" borderId="13" xfId="1" applyFont="1" applyBorder="1">
      <alignment vertical="center"/>
    </xf>
    <xf numFmtId="0" fontId="5" fillId="0" borderId="12" xfId="1" applyFont="1" applyBorder="1" applyAlignment="1">
      <alignment horizontal="center" vertical="center" wrapText="1"/>
    </xf>
    <xf numFmtId="0" fontId="5" fillId="0" borderId="13" xfId="1" applyFont="1" applyBorder="1" applyAlignment="1">
      <alignment horizontal="center" vertical="center" wrapText="1"/>
    </xf>
    <xf numFmtId="0" fontId="5" fillId="0" borderId="22" xfId="1" applyFont="1" applyBorder="1" applyAlignment="1">
      <alignment horizontal="center" vertical="center"/>
    </xf>
    <xf numFmtId="0" fontId="5" fillId="0" borderId="23" xfId="1" applyFont="1" applyBorder="1" applyAlignment="1">
      <alignment horizontal="center" vertical="center"/>
    </xf>
    <xf numFmtId="0" fontId="5" fillId="0" borderId="24" xfId="1" applyFont="1" applyBorder="1" applyAlignment="1">
      <alignment horizontal="center" vertical="center"/>
    </xf>
    <xf numFmtId="0" fontId="10" fillId="0" borderId="21" xfId="1" applyFont="1" applyBorder="1">
      <alignment vertical="center"/>
    </xf>
    <xf numFmtId="0" fontId="5" fillId="0" borderId="21" xfId="1" applyFont="1" applyBorder="1">
      <alignment vertical="center"/>
    </xf>
    <xf numFmtId="0" fontId="5" fillId="0" borderId="21" xfId="1" applyFont="1" applyBorder="1" applyAlignment="1">
      <alignment horizontal="center" vertical="center"/>
    </xf>
    <xf numFmtId="0" fontId="5" fillId="0" borderId="4" xfId="1" applyFont="1" applyBorder="1">
      <alignment vertical="center"/>
    </xf>
    <xf numFmtId="0" fontId="5" fillId="0" borderId="25" xfId="1" applyFont="1" applyBorder="1" applyAlignment="1">
      <alignment horizontal="right" vertical="center"/>
    </xf>
    <xf numFmtId="0" fontId="11" fillId="0" borderId="22" xfId="1" applyFont="1" applyBorder="1" applyAlignment="1">
      <alignment horizontal="center" vertical="center"/>
    </xf>
    <xf numFmtId="0" fontId="11" fillId="0" borderId="24" xfId="1" applyFont="1" applyBorder="1" applyAlignment="1">
      <alignment horizontal="center" vertical="center"/>
    </xf>
    <xf numFmtId="0" fontId="11" fillId="0" borderId="23" xfId="1" applyFont="1" applyBorder="1" applyAlignment="1">
      <alignment horizontal="center" vertical="center"/>
    </xf>
    <xf numFmtId="0" fontId="5" fillId="0" borderId="23" xfId="1" applyFont="1" applyBorder="1" applyAlignment="1">
      <alignment horizontal="center" vertical="center"/>
    </xf>
    <xf numFmtId="0" fontId="5" fillId="0" borderId="21" xfId="1" applyFont="1" applyBorder="1" applyAlignment="1">
      <alignment horizontal="right" vertical="center" wrapText="1"/>
    </xf>
    <xf numFmtId="0" fontId="5" fillId="0" borderId="21" xfId="1" applyFont="1" applyBorder="1" applyAlignment="1">
      <alignment horizontal="right" vertical="center"/>
    </xf>
    <xf numFmtId="0" fontId="5" fillId="0" borderId="26" xfId="1" applyFont="1" applyBorder="1" applyAlignment="1">
      <alignment horizontal="center" vertical="center"/>
    </xf>
    <xf numFmtId="0" fontId="5" fillId="0" borderId="27" xfId="1" applyFont="1" applyBorder="1" applyAlignment="1">
      <alignment horizontal="center" vertical="center"/>
    </xf>
    <xf numFmtId="0" fontId="5" fillId="0" borderId="28" xfId="1" applyFont="1" applyBorder="1" applyAlignment="1">
      <alignment horizontal="center" vertical="center"/>
    </xf>
    <xf numFmtId="0" fontId="6" fillId="0" borderId="29" xfId="1" applyFont="1" applyBorder="1" applyAlignment="1">
      <alignment horizontal="right" vertical="center" wrapText="1"/>
    </xf>
    <xf numFmtId="0" fontId="6" fillId="0" borderId="30" xfId="1" applyFont="1" applyBorder="1" applyAlignment="1">
      <alignment horizontal="right" vertical="center" wrapText="1"/>
    </xf>
    <xf numFmtId="0" fontId="6" fillId="0" borderId="31" xfId="1" applyFont="1" applyBorder="1" applyAlignment="1">
      <alignment horizontal="right" vertical="center" wrapText="1"/>
    </xf>
    <xf numFmtId="0" fontId="5" fillId="0" borderId="29" xfId="1" applyFont="1" applyBorder="1">
      <alignment vertical="center"/>
    </xf>
    <xf numFmtId="0" fontId="5" fillId="0" borderId="30" xfId="1" applyFont="1" applyBorder="1">
      <alignment vertical="center"/>
    </xf>
    <xf numFmtId="0" fontId="5" fillId="0" borderId="31" xfId="1" applyFont="1" applyBorder="1">
      <alignment vertical="center"/>
    </xf>
    <xf numFmtId="0" fontId="6" fillId="0" borderId="22" xfId="1" applyFont="1" applyBorder="1" applyAlignment="1">
      <alignment horizontal="right" vertical="center" wrapText="1"/>
    </xf>
    <xf numFmtId="0" fontId="6" fillId="0" borderId="24" xfId="1" applyFont="1" applyBorder="1" applyAlignment="1">
      <alignment horizontal="right" vertical="center" wrapText="1"/>
    </xf>
    <xf numFmtId="0" fontId="6" fillId="0" borderId="23" xfId="1" applyFont="1" applyBorder="1" applyAlignment="1">
      <alignment horizontal="right" vertical="center" wrapText="1"/>
    </xf>
    <xf numFmtId="0" fontId="1" fillId="0" borderId="24" xfId="1" applyBorder="1">
      <alignment vertical="center"/>
    </xf>
    <xf numFmtId="0" fontId="1" fillId="0" borderId="23" xfId="1" applyBorder="1">
      <alignment vertical="center"/>
    </xf>
    <xf numFmtId="0" fontId="5" fillId="0" borderId="22" xfId="1" applyFont="1" applyBorder="1">
      <alignment vertical="center"/>
    </xf>
    <xf numFmtId="0" fontId="5" fillId="0" borderId="24" xfId="1" applyFont="1" applyBorder="1">
      <alignment vertical="center"/>
    </xf>
    <xf numFmtId="0" fontId="5" fillId="0" borderId="23" xfId="1" applyFont="1" applyBorder="1">
      <alignment vertical="center"/>
    </xf>
    <xf numFmtId="0" fontId="5" fillId="0" borderId="25" xfId="1" applyFont="1" applyBorder="1">
      <alignment vertical="center"/>
    </xf>
    <xf numFmtId="0" fontId="12" fillId="0" borderId="22" xfId="1" applyFont="1" applyBorder="1" applyAlignment="1">
      <alignment horizontal="center" vertical="center"/>
    </xf>
    <xf numFmtId="0" fontId="12" fillId="0" borderId="24" xfId="1" applyFont="1" applyBorder="1" applyAlignment="1">
      <alignment horizontal="center" vertical="center"/>
    </xf>
    <xf numFmtId="0" fontId="12" fillId="0" borderId="23" xfId="1" applyFont="1" applyBorder="1" applyAlignment="1">
      <alignment horizontal="center" vertical="center"/>
    </xf>
    <xf numFmtId="0" fontId="10" fillId="0" borderId="29" xfId="1" applyFont="1" applyBorder="1" applyAlignment="1">
      <alignment horizontal="center" vertical="center"/>
    </xf>
    <xf numFmtId="0" fontId="5" fillId="0" borderId="30" xfId="1" applyFont="1" applyBorder="1" applyAlignment="1">
      <alignment horizontal="center" vertical="center"/>
    </xf>
    <xf numFmtId="0" fontId="5" fillId="0" borderId="31" xfId="1" applyFont="1" applyBorder="1" applyAlignment="1">
      <alignment horizontal="center" vertical="center"/>
    </xf>
    <xf numFmtId="0" fontId="10" fillId="0" borderId="22" xfId="1" applyFont="1" applyBorder="1" applyAlignment="1">
      <alignment horizontal="center" vertical="center"/>
    </xf>
    <xf numFmtId="0" fontId="10" fillId="0" borderId="24" xfId="1" applyFont="1" applyBorder="1" applyAlignment="1">
      <alignment horizontal="center" vertical="center"/>
    </xf>
    <xf numFmtId="0" fontId="10" fillId="0" borderId="23" xfId="1" applyFont="1" applyBorder="1" applyAlignment="1">
      <alignment horizontal="center" vertical="center"/>
    </xf>
    <xf numFmtId="0" fontId="5" fillId="0" borderId="24" xfId="1" applyFont="1" applyBorder="1">
      <alignment vertical="center"/>
    </xf>
    <xf numFmtId="0" fontId="13" fillId="0" borderId="2" xfId="2" applyFont="1" applyBorder="1" applyAlignment="1">
      <alignment horizontal="left" vertical="center"/>
    </xf>
    <xf numFmtId="0" fontId="13" fillId="0" borderId="5" xfId="2" applyFont="1" applyBorder="1" applyAlignment="1">
      <alignment horizontal="left" vertical="center"/>
    </xf>
    <xf numFmtId="0" fontId="13" fillId="0" borderId="3" xfId="2" applyFont="1" applyBorder="1" applyAlignment="1">
      <alignment horizontal="left" vertical="center"/>
    </xf>
    <xf numFmtId="0" fontId="14" fillId="0" borderId="6" xfId="2" applyFont="1" applyBorder="1" applyAlignment="1">
      <alignment horizontal="left" vertical="center"/>
    </xf>
    <xf numFmtId="0" fontId="14" fillId="0" borderId="0" xfId="2" applyFont="1" applyAlignment="1">
      <alignment horizontal="left" vertical="center"/>
    </xf>
    <xf numFmtId="0" fontId="14" fillId="0" borderId="7" xfId="2" applyFont="1" applyBorder="1" applyAlignment="1">
      <alignment horizontal="left" vertical="center"/>
    </xf>
    <xf numFmtId="0" fontId="5" fillId="0" borderId="12" xfId="1" applyFont="1" applyBorder="1" applyAlignment="1">
      <alignment vertical="top" wrapText="1"/>
    </xf>
    <xf numFmtId="0" fontId="5" fillId="0" borderId="1" xfId="1" applyFont="1" applyBorder="1" applyAlignment="1">
      <alignment vertical="top" wrapText="1"/>
    </xf>
    <xf numFmtId="0" fontId="5" fillId="0" borderId="13" xfId="1" applyFont="1" applyBorder="1" applyAlignment="1">
      <alignment vertical="top" wrapText="1"/>
    </xf>
    <xf numFmtId="0" fontId="5" fillId="0" borderId="6" xfId="1" applyFont="1" applyBorder="1" applyAlignment="1">
      <alignment horizontal="left" vertical="top" wrapText="1"/>
    </xf>
    <xf numFmtId="0" fontId="5" fillId="0" borderId="0" xfId="1" applyFont="1" applyAlignment="1">
      <alignment horizontal="left" vertical="top" wrapText="1"/>
    </xf>
    <xf numFmtId="0" fontId="5" fillId="0" borderId="7" xfId="1" applyFont="1" applyBorder="1" applyAlignment="1">
      <alignment horizontal="left" vertical="top" wrapText="1"/>
    </xf>
    <xf numFmtId="0" fontId="5" fillId="0" borderId="2" xfId="1" applyFont="1" applyBorder="1" applyAlignment="1">
      <alignment horizontal="left" vertical="top" wrapText="1"/>
    </xf>
    <xf numFmtId="0" fontId="5" fillId="0" borderId="5" xfId="1" applyFont="1" applyBorder="1" applyAlignment="1">
      <alignment horizontal="left" vertical="top" wrapText="1"/>
    </xf>
    <xf numFmtId="0" fontId="5" fillId="0" borderId="3" xfId="1" applyFont="1" applyBorder="1" applyAlignment="1">
      <alignment horizontal="left" vertical="top" wrapText="1"/>
    </xf>
    <xf numFmtId="0" fontId="5" fillId="0" borderId="12" xfId="1" applyFont="1" applyBorder="1" applyAlignment="1">
      <alignment horizontal="left" vertical="top" wrapText="1"/>
    </xf>
    <xf numFmtId="0" fontId="5" fillId="0" borderId="1" xfId="1" applyFont="1" applyBorder="1" applyAlignment="1">
      <alignment horizontal="left" vertical="top" wrapText="1"/>
    </xf>
    <xf numFmtId="0" fontId="5" fillId="0" borderId="13" xfId="1" applyFont="1" applyBorder="1" applyAlignment="1">
      <alignment horizontal="left" vertical="top" wrapText="1"/>
    </xf>
    <xf numFmtId="0" fontId="5" fillId="0" borderId="0" xfId="1" applyFont="1" applyAlignment="1">
      <alignment horizontal="center" vertical="center"/>
    </xf>
    <xf numFmtId="0" fontId="5" fillId="0" borderId="0" xfId="1" applyFont="1" applyAlignment="1">
      <alignment horizontal="left" vertical="center"/>
    </xf>
    <xf numFmtId="0" fontId="6" fillId="0" borderId="0" xfId="1" applyFont="1" applyAlignment="1">
      <alignment horizontal="left" vertical="center"/>
    </xf>
    <xf numFmtId="0" fontId="5" fillId="0" borderId="0" xfId="1" applyFont="1" applyAlignment="1">
      <alignment horizontal="left" vertical="center"/>
    </xf>
  </cellXfs>
  <cellStyles count="3">
    <cellStyle name="標準" xfId="0" builtinId="0"/>
    <cellStyle name="標準 2" xfId="2" xr:uid="{E689D35D-6492-4F50-A008-E7C97CA93E7A}"/>
    <cellStyle name="標準 3" xfId="1" xr:uid="{A119B541-E28A-47ED-9877-F69BFE1A625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2" name="Line 9">
          <a:extLst>
            <a:ext uri="{FF2B5EF4-FFF2-40B4-BE49-F238E27FC236}">
              <a16:creationId xmlns:a16="http://schemas.microsoft.com/office/drawing/2014/main" id="{7D72BB1E-5AAC-49B0-B10B-58D0A1A08B4A}"/>
            </a:ext>
          </a:extLst>
        </xdr:cNvPr>
        <xdr:cNvSpPr>
          <a:spLocks noChangeShapeType="1"/>
        </xdr:cNvSpPr>
      </xdr:nvSpPr>
      <xdr:spPr bwMode="auto">
        <a:xfrm>
          <a:off x="1125855" y="3693795"/>
          <a:ext cx="381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3" name="Line 9">
          <a:extLst>
            <a:ext uri="{FF2B5EF4-FFF2-40B4-BE49-F238E27FC236}">
              <a16:creationId xmlns:a16="http://schemas.microsoft.com/office/drawing/2014/main" id="{AF71A202-29B4-4B33-A75C-3014078AB10B}"/>
            </a:ext>
          </a:extLst>
        </xdr:cNvPr>
        <xdr:cNvSpPr>
          <a:spLocks noChangeShapeType="1"/>
        </xdr:cNvSpPr>
      </xdr:nvSpPr>
      <xdr:spPr bwMode="auto">
        <a:xfrm>
          <a:off x="1125855" y="3693795"/>
          <a:ext cx="381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39F773-E46A-43B5-9790-D2E0192BCBA9}">
  <dimension ref="A1:K69"/>
  <sheetViews>
    <sheetView tabSelected="1" view="pageBreakPreview" topLeftCell="A6" zoomScaleNormal="100" zoomScaleSheetLayoutView="100" workbookViewId="0">
      <selection activeCell="A62" sqref="A62"/>
    </sheetView>
  </sheetViews>
  <sheetFormatPr defaultRowHeight="42.75" customHeight="1" x14ac:dyDescent="0.2"/>
  <cols>
    <col min="1" max="1" width="13.33203125" style="2" customWidth="1"/>
    <col min="2" max="2" width="3.109375" style="2" customWidth="1"/>
    <col min="3" max="3" width="7.88671875" style="2" customWidth="1"/>
    <col min="4" max="4" width="5.33203125" style="2" customWidth="1"/>
    <col min="5" max="5" width="4.77734375" style="2" customWidth="1"/>
    <col min="6" max="6" width="10.77734375" style="2" customWidth="1"/>
    <col min="7" max="7" width="9.77734375" style="2" customWidth="1"/>
    <col min="8" max="8" width="4.88671875" style="2" customWidth="1"/>
    <col min="9" max="9" width="5" style="2" customWidth="1"/>
    <col min="10" max="11" width="12" style="2" customWidth="1"/>
    <col min="12" max="12" width="1.21875" style="2" customWidth="1"/>
    <col min="13" max="13" width="0.6640625" style="2" customWidth="1"/>
    <col min="14" max="14" width="15" style="2" customWidth="1"/>
    <col min="15" max="258" width="8.88671875" style="2"/>
    <col min="259" max="259" width="13.33203125" style="2" customWidth="1"/>
    <col min="260" max="260" width="3.109375" style="2" customWidth="1"/>
    <col min="261" max="261" width="7.88671875" style="2" customWidth="1"/>
    <col min="262" max="262" width="7.77734375" style="2" customWidth="1"/>
    <col min="263" max="263" width="4.88671875" style="2" customWidth="1"/>
    <col min="264" max="264" width="11.44140625" style="2" customWidth="1"/>
    <col min="265" max="265" width="10.21875" style="2" customWidth="1"/>
    <col min="266" max="266" width="12.88671875" style="2" customWidth="1"/>
    <col min="267" max="267" width="11.21875" style="2" customWidth="1"/>
    <col min="268" max="268" width="1.21875" style="2" customWidth="1"/>
    <col min="269" max="269" width="0.6640625" style="2" customWidth="1"/>
    <col min="270" max="270" width="15" style="2" customWidth="1"/>
    <col min="271" max="514" width="8.88671875" style="2"/>
    <col min="515" max="515" width="13.33203125" style="2" customWidth="1"/>
    <col min="516" max="516" width="3.109375" style="2" customWidth="1"/>
    <col min="517" max="517" width="7.88671875" style="2" customWidth="1"/>
    <col min="518" max="518" width="7.77734375" style="2" customWidth="1"/>
    <col min="519" max="519" width="4.88671875" style="2" customWidth="1"/>
    <col min="520" max="520" width="11.44140625" style="2" customWidth="1"/>
    <col min="521" max="521" width="10.21875" style="2" customWidth="1"/>
    <col min="522" max="522" width="12.88671875" style="2" customWidth="1"/>
    <col min="523" max="523" width="11.21875" style="2" customWidth="1"/>
    <col min="524" max="524" width="1.21875" style="2" customWidth="1"/>
    <col min="525" max="525" width="0.6640625" style="2" customWidth="1"/>
    <col min="526" max="526" width="15" style="2" customWidth="1"/>
    <col min="527" max="770" width="8.88671875" style="2"/>
    <col min="771" max="771" width="13.33203125" style="2" customWidth="1"/>
    <col min="772" max="772" width="3.109375" style="2" customWidth="1"/>
    <col min="773" max="773" width="7.88671875" style="2" customWidth="1"/>
    <col min="774" max="774" width="7.77734375" style="2" customWidth="1"/>
    <col min="775" max="775" width="4.88671875" style="2" customWidth="1"/>
    <col min="776" max="776" width="11.44140625" style="2" customWidth="1"/>
    <col min="777" max="777" width="10.21875" style="2" customWidth="1"/>
    <col min="778" max="778" width="12.88671875" style="2" customWidth="1"/>
    <col min="779" max="779" width="11.21875" style="2" customWidth="1"/>
    <col min="780" max="780" width="1.21875" style="2" customWidth="1"/>
    <col min="781" max="781" width="0.6640625" style="2" customWidth="1"/>
    <col min="782" max="782" width="15" style="2" customWidth="1"/>
    <col min="783" max="1026" width="8.88671875" style="2"/>
    <col min="1027" max="1027" width="13.33203125" style="2" customWidth="1"/>
    <col min="1028" max="1028" width="3.109375" style="2" customWidth="1"/>
    <col min="1029" max="1029" width="7.88671875" style="2" customWidth="1"/>
    <col min="1030" max="1030" width="7.77734375" style="2" customWidth="1"/>
    <col min="1031" max="1031" width="4.88671875" style="2" customWidth="1"/>
    <col min="1032" max="1032" width="11.44140625" style="2" customWidth="1"/>
    <col min="1033" max="1033" width="10.21875" style="2" customWidth="1"/>
    <col min="1034" max="1034" width="12.88671875" style="2" customWidth="1"/>
    <col min="1035" max="1035" width="11.21875" style="2" customWidth="1"/>
    <col min="1036" max="1036" width="1.21875" style="2" customWidth="1"/>
    <col min="1037" max="1037" width="0.6640625" style="2" customWidth="1"/>
    <col min="1038" max="1038" width="15" style="2" customWidth="1"/>
    <col min="1039" max="1282" width="8.88671875" style="2"/>
    <col min="1283" max="1283" width="13.33203125" style="2" customWidth="1"/>
    <col min="1284" max="1284" width="3.109375" style="2" customWidth="1"/>
    <col min="1285" max="1285" width="7.88671875" style="2" customWidth="1"/>
    <col min="1286" max="1286" width="7.77734375" style="2" customWidth="1"/>
    <col min="1287" max="1287" width="4.88671875" style="2" customWidth="1"/>
    <col min="1288" max="1288" width="11.44140625" style="2" customWidth="1"/>
    <col min="1289" max="1289" width="10.21875" style="2" customWidth="1"/>
    <col min="1290" max="1290" width="12.88671875" style="2" customWidth="1"/>
    <col min="1291" max="1291" width="11.21875" style="2" customWidth="1"/>
    <col min="1292" max="1292" width="1.21875" style="2" customWidth="1"/>
    <col min="1293" max="1293" width="0.6640625" style="2" customWidth="1"/>
    <col min="1294" max="1294" width="15" style="2" customWidth="1"/>
    <col min="1295" max="1538" width="8.88671875" style="2"/>
    <col min="1539" max="1539" width="13.33203125" style="2" customWidth="1"/>
    <col min="1540" max="1540" width="3.109375" style="2" customWidth="1"/>
    <col min="1541" max="1541" width="7.88671875" style="2" customWidth="1"/>
    <col min="1542" max="1542" width="7.77734375" style="2" customWidth="1"/>
    <col min="1543" max="1543" width="4.88671875" style="2" customWidth="1"/>
    <col min="1544" max="1544" width="11.44140625" style="2" customWidth="1"/>
    <col min="1545" max="1545" width="10.21875" style="2" customWidth="1"/>
    <col min="1546" max="1546" width="12.88671875" style="2" customWidth="1"/>
    <col min="1547" max="1547" width="11.21875" style="2" customWidth="1"/>
    <col min="1548" max="1548" width="1.21875" style="2" customWidth="1"/>
    <col min="1549" max="1549" width="0.6640625" style="2" customWidth="1"/>
    <col min="1550" max="1550" width="15" style="2" customWidth="1"/>
    <col min="1551" max="1794" width="8.88671875" style="2"/>
    <col min="1795" max="1795" width="13.33203125" style="2" customWidth="1"/>
    <col min="1796" max="1796" width="3.109375" style="2" customWidth="1"/>
    <col min="1797" max="1797" width="7.88671875" style="2" customWidth="1"/>
    <col min="1798" max="1798" width="7.77734375" style="2" customWidth="1"/>
    <col min="1799" max="1799" width="4.88671875" style="2" customWidth="1"/>
    <col min="1800" max="1800" width="11.44140625" style="2" customWidth="1"/>
    <col min="1801" max="1801" width="10.21875" style="2" customWidth="1"/>
    <col min="1802" max="1802" width="12.88671875" style="2" customWidth="1"/>
    <col min="1803" max="1803" width="11.21875" style="2" customWidth="1"/>
    <col min="1804" max="1804" width="1.21875" style="2" customWidth="1"/>
    <col min="1805" max="1805" width="0.6640625" style="2" customWidth="1"/>
    <col min="1806" max="1806" width="15" style="2" customWidth="1"/>
    <col min="1807" max="2050" width="8.88671875" style="2"/>
    <col min="2051" max="2051" width="13.33203125" style="2" customWidth="1"/>
    <col min="2052" max="2052" width="3.109375" style="2" customWidth="1"/>
    <col min="2053" max="2053" width="7.88671875" style="2" customWidth="1"/>
    <col min="2054" max="2054" width="7.77734375" style="2" customWidth="1"/>
    <col min="2055" max="2055" width="4.88671875" style="2" customWidth="1"/>
    <col min="2056" max="2056" width="11.44140625" style="2" customWidth="1"/>
    <col min="2057" max="2057" width="10.21875" style="2" customWidth="1"/>
    <col min="2058" max="2058" width="12.88671875" style="2" customWidth="1"/>
    <col min="2059" max="2059" width="11.21875" style="2" customWidth="1"/>
    <col min="2060" max="2060" width="1.21875" style="2" customWidth="1"/>
    <col min="2061" max="2061" width="0.6640625" style="2" customWidth="1"/>
    <col min="2062" max="2062" width="15" style="2" customWidth="1"/>
    <col min="2063" max="2306" width="8.88671875" style="2"/>
    <col min="2307" max="2307" width="13.33203125" style="2" customWidth="1"/>
    <col min="2308" max="2308" width="3.109375" style="2" customWidth="1"/>
    <col min="2309" max="2309" width="7.88671875" style="2" customWidth="1"/>
    <col min="2310" max="2310" width="7.77734375" style="2" customWidth="1"/>
    <col min="2311" max="2311" width="4.88671875" style="2" customWidth="1"/>
    <col min="2312" max="2312" width="11.44140625" style="2" customWidth="1"/>
    <col min="2313" max="2313" width="10.21875" style="2" customWidth="1"/>
    <col min="2314" max="2314" width="12.88671875" style="2" customWidth="1"/>
    <col min="2315" max="2315" width="11.21875" style="2" customWidth="1"/>
    <col min="2316" max="2316" width="1.21875" style="2" customWidth="1"/>
    <col min="2317" max="2317" width="0.6640625" style="2" customWidth="1"/>
    <col min="2318" max="2318" width="15" style="2" customWidth="1"/>
    <col min="2319" max="2562" width="8.88671875" style="2"/>
    <col min="2563" max="2563" width="13.33203125" style="2" customWidth="1"/>
    <col min="2564" max="2564" width="3.109375" style="2" customWidth="1"/>
    <col min="2565" max="2565" width="7.88671875" style="2" customWidth="1"/>
    <col min="2566" max="2566" width="7.77734375" style="2" customWidth="1"/>
    <col min="2567" max="2567" width="4.88671875" style="2" customWidth="1"/>
    <col min="2568" max="2568" width="11.44140625" style="2" customWidth="1"/>
    <col min="2569" max="2569" width="10.21875" style="2" customWidth="1"/>
    <col min="2570" max="2570" width="12.88671875" style="2" customWidth="1"/>
    <col min="2571" max="2571" width="11.21875" style="2" customWidth="1"/>
    <col min="2572" max="2572" width="1.21875" style="2" customWidth="1"/>
    <col min="2573" max="2573" width="0.6640625" style="2" customWidth="1"/>
    <col min="2574" max="2574" width="15" style="2" customWidth="1"/>
    <col min="2575" max="2818" width="8.88671875" style="2"/>
    <col min="2819" max="2819" width="13.33203125" style="2" customWidth="1"/>
    <col min="2820" max="2820" width="3.109375" style="2" customWidth="1"/>
    <col min="2821" max="2821" width="7.88671875" style="2" customWidth="1"/>
    <col min="2822" max="2822" width="7.77734375" style="2" customWidth="1"/>
    <col min="2823" max="2823" width="4.88671875" style="2" customWidth="1"/>
    <col min="2824" max="2824" width="11.44140625" style="2" customWidth="1"/>
    <col min="2825" max="2825" width="10.21875" style="2" customWidth="1"/>
    <col min="2826" max="2826" width="12.88671875" style="2" customWidth="1"/>
    <col min="2827" max="2827" width="11.21875" style="2" customWidth="1"/>
    <col min="2828" max="2828" width="1.21875" style="2" customWidth="1"/>
    <col min="2829" max="2829" width="0.6640625" style="2" customWidth="1"/>
    <col min="2830" max="2830" width="15" style="2" customWidth="1"/>
    <col min="2831" max="3074" width="8.88671875" style="2"/>
    <col min="3075" max="3075" width="13.33203125" style="2" customWidth="1"/>
    <col min="3076" max="3076" width="3.109375" style="2" customWidth="1"/>
    <col min="3077" max="3077" width="7.88671875" style="2" customWidth="1"/>
    <col min="3078" max="3078" width="7.77734375" style="2" customWidth="1"/>
    <col min="3079" max="3079" width="4.88671875" style="2" customWidth="1"/>
    <col min="3080" max="3080" width="11.44140625" style="2" customWidth="1"/>
    <col min="3081" max="3081" width="10.21875" style="2" customWidth="1"/>
    <col min="3082" max="3082" width="12.88671875" style="2" customWidth="1"/>
    <col min="3083" max="3083" width="11.21875" style="2" customWidth="1"/>
    <col min="3084" max="3084" width="1.21875" style="2" customWidth="1"/>
    <col min="3085" max="3085" width="0.6640625" style="2" customWidth="1"/>
    <col min="3086" max="3086" width="15" style="2" customWidth="1"/>
    <col min="3087" max="3330" width="8.88671875" style="2"/>
    <col min="3331" max="3331" width="13.33203125" style="2" customWidth="1"/>
    <col min="3332" max="3332" width="3.109375" style="2" customWidth="1"/>
    <col min="3333" max="3333" width="7.88671875" style="2" customWidth="1"/>
    <col min="3334" max="3334" width="7.77734375" style="2" customWidth="1"/>
    <col min="3335" max="3335" width="4.88671875" style="2" customWidth="1"/>
    <col min="3336" max="3336" width="11.44140625" style="2" customWidth="1"/>
    <col min="3337" max="3337" width="10.21875" style="2" customWidth="1"/>
    <col min="3338" max="3338" width="12.88671875" style="2" customWidth="1"/>
    <col min="3339" max="3339" width="11.21875" style="2" customWidth="1"/>
    <col min="3340" max="3340" width="1.21875" style="2" customWidth="1"/>
    <col min="3341" max="3341" width="0.6640625" style="2" customWidth="1"/>
    <col min="3342" max="3342" width="15" style="2" customWidth="1"/>
    <col min="3343" max="3586" width="8.88671875" style="2"/>
    <col min="3587" max="3587" width="13.33203125" style="2" customWidth="1"/>
    <col min="3588" max="3588" width="3.109375" style="2" customWidth="1"/>
    <col min="3589" max="3589" width="7.88671875" style="2" customWidth="1"/>
    <col min="3590" max="3590" width="7.77734375" style="2" customWidth="1"/>
    <col min="3591" max="3591" width="4.88671875" style="2" customWidth="1"/>
    <col min="3592" max="3592" width="11.44140625" style="2" customWidth="1"/>
    <col min="3593" max="3593" width="10.21875" style="2" customWidth="1"/>
    <col min="3594" max="3594" width="12.88671875" style="2" customWidth="1"/>
    <col min="3595" max="3595" width="11.21875" style="2" customWidth="1"/>
    <col min="3596" max="3596" width="1.21875" style="2" customWidth="1"/>
    <col min="3597" max="3597" width="0.6640625" style="2" customWidth="1"/>
    <col min="3598" max="3598" width="15" style="2" customWidth="1"/>
    <col min="3599" max="3842" width="8.88671875" style="2"/>
    <col min="3843" max="3843" width="13.33203125" style="2" customWidth="1"/>
    <col min="3844" max="3844" width="3.109375" style="2" customWidth="1"/>
    <col min="3845" max="3845" width="7.88671875" style="2" customWidth="1"/>
    <col min="3846" max="3846" width="7.77734375" style="2" customWidth="1"/>
    <col min="3847" max="3847" width="4.88671875" style="2" customWidth="1"/>
    <col min="3848" max="3848" width="11.44140625" style="2" customWidth="1"/>
    <col min="3849" max="3849" width="10.21875" style="2" customWidth="1"/>
    <col min="3850" max="3850" width="12.88671875" style="2" customWidth="1"/>
    <col min="3851" max="3851" width="11.21875" style="2" customWidth="1"/>
    <col min="3852" max="3852" width="1.21875" style="2" customWidth="1"/>
    <col min="3853" max="3853" width="0.6640625" style="2" customWidth="1"/>
    <col min="3854" max="3854" width="15" style="2" customWidth="1"/>
    <col min="3855" max="4098" width="8.88671875" style="2"/>
    <col min="4099" max="4099" width="13.33203125" style="2" customWidth="1"/>
    <col min="4100" max="4100" width="3.109375" style="2" customWidth="1"/>
    <col min="4101" max="4101" width="7.88671875" style="2" customWidth="1"/>
    <col min="4102" max="4102" width="7.77734375" style="2" customWidth="1"/>
    <col min="4103" max="4103" width="4.88671875" style="2" customWidth="1"/>
    <col min="4104" max="4104" width="11.44140625" style="2" customWidth="1"/>
    <col min="4105" max="4105" width="10.21875" style="2" customWidth="1"/>
    <col min="4106" max="4106" width="12.88671875" style="2" customWidth="1"/>
    <col min="4107" max="4107" width="11.21875" style="2" customWidth="1"/>
    <col min="4108" max="4108" width="1.21875" style="2" customWidth="1"/>
    <col min="4109" max="4109" width="0.6640625" style="2" customWidth="1"/>
    <col min="4110" max="4110" width="15" style="2" customWidth="1"/>
    <col min="4111" max="4354" width="8.88671875" style="2"/>
    <col min="4355" max="4355" width="13.33203125" style="2" customWidth="1"/>
    <col min="4356" max="4356" width="3.109375" style="2" customWidth="1"/>
    <col min="4357" max="4357" width="7.88671875" style="2" customWidth="1"/>
    <col min="4358" max="4358" width="7.77734375" style="2" customWidth="1"/>
    <col min="4359" max="4359" width="4.88671875" style="2" customWidth="1"/>
    <col min="4360" max="4360" width="11.44140625" style="2" customWidth="1"/>
    <col min="4361" max="4361" width="10.21875" style="2" customWidth="1"/>
    <col min="4362" max="4362" width="12.88671875" style="2" customWidth="1"/>
    <col min="4363" max="4363" width="11.21875" style="2" customWidth="1"/>
    <col min="4364" max="4364" width="1.21875" style="2" customWidth="1"/>
    <col min="4365" max="4365" width="0.6640625" style="2" customWidth="1"/>
    <col min="4366" max="4366" width="15" style="2" customWidth="1"/>
    <col min="4367" max="4610" width="8.88671875" style="2"/>
    <col min="4611" max="4611" width="13.33203125" style="2" customWidth="1"/>
    <col min="4612" max="4612" width="3.109375" style="2" customWidth="1"/>
    <col min="4613" max="4613" width="7.88671875" style="2" customWidth="1"/>
    <col min="4614" max="4614" width="7.77734375" style="2" customWidth="1"/>
    <col min="4615" max="4615" width="4.88671875" style="2" customWidth="1"/>
    <col min="4616" max="4616" width="11.44140625" style="2" customWidth="1"/>
    <col min="4617" max="4617" width="10.21875" style="2" customWidth="1"/>
    <col min="4618" max="4618" width="12.88671875" style="2" customWidth="1"/>
    <col min="4619" max="4619" width="11.21875" style="2" customWidth="1"/>
    <col min="4620" max="4620" width="1.21875" style="2" customWidth="1"/>
    <col min="4621" max="4621" width="0.6640625" style="2" customWidth="1"/>
    <col min="4622" max="4622" width="15" style="2" customWidth="1"/>
    <col min="4623" max="4866" width="8.88671875" style="2"/>
    <col min="4867" max="4867" width="13.33203125" style="2" customWidth="1"/>
    <col min="4868" max="4868" width="3.109375" style="2" customWidth="1"/>
    <col min="4869" max="4869" width="7.88671875" style="2" customWidth="1"/>
    <col min="4870" max="4870" width="7.77734375" style="2" customWidth="1"/>
    <col min="4871" max="4871" width="4.88671875" style="2" customWidth="1"/>
    <col min="4872" max="4872" width="11.44140625" style="2" customWidth="1"/>
    <col min="4873" max="4873" width="10.21875" style="2" customWidth="1"/>
    <col min="4874" max="4874" width="12.88671875" style="2" customWidth="1"/>
    <col min="4875" max="4875" width="11.21875" style="2" customWidth="1"/>
    <col min="4876" max="4876" width="1.21875" style="2" customWidth="1"/>
    <col min="4877" max="4877" width="0.6640625" style="2" customWidth="1"/>
    <col min="4878" max="4878" width="15" style="2" customWidth="1"/>
    <col min="4879" max="5122" width="8.88671875" style="2"/>
    <col min="5123" max="5123" width="13.33203125" style="2" customWidth="1"/>
    <col min="5124" max="5124" width="3.109375" style="2" customWidth="1"/>
    <col min="5125" max="5125" width="7.88671875" style="2" customWidth="1"/>
    <col min="5126" max="5126" width="7.77734375" style="2" customWidth="1"/>
    <col min="5127" max="5127" width="4.88671875" style="2" customWidth="1"/>
    <col min="5128" max="5128" width="11.44140625" style="2" customWidth="1"/>
    <col min="5129" max="5129" width="10.21875" style="2" customWidth="1"/>
    <col min="5130" max="5130" width="12.88671875" style="2" customWidth="1"/>
    <col min="5131" max="5131" width="11.21875" style="2" customWidth="1"/>
    <col min="5132" max="5132" width="1.21875" style="2" customWidth="1"/>
    <col min="5133" max="5133" width="0.6640625" style="2" customWidth="1"/>
    <col min="5134" max="5134" width="15" style="2" customWidth="1"/>
    <col min="5135" max="5378" width="8.88671875" style="2"/>
    <col min="5379" max="5379" width="13.33203125" style="2" customWidth="1"/>
    <col min="5380" max="5380" width="3.109375" style="2" customWidth="1"/>
    <col min="5381" max="5381" width="7.88671875" style="2" customWidth="1"/>
    <col min="5382" max="5382" width="7.77734375" style="2" customWidth="1"/>
    <col min="5383" max="5383" width="4.88671875" style="2" customWidth="1"/>
    <col min="5384" max="5384" width="11.44140625" style="2" customWidth="1"/>
    <col min="5385" max="5385" width="10.21875" style="2" customWidth="1"/>
    <col min="5386" max="5386" width="12.88671875" style="2" customWidth="1"/>
    <col min="5387" max="5387" width="11.21875" style="2" customWidth="1"/>
    <col min="5388" max="5388" width="1.21875" style="2" customWidth="1"/>
    <col min="5389" max="5389" width="0.6640625" style="2" customWidth="1"/>
    <col min="5390" max="5390" width="15" style="2" customWidth="1"/>
    <col min="5391" max="5634" width="8.88671875" style="2"/>
    <col min="5635" max="5635" width="13.33203125" style="2" customWidth="1"/>
    <col min="5636" max="5636" width="3.109375" style="2" customWidth="1"/>
    <col min="5637" max="5637" width="7.88671875" style="2" customWidth="1"/>
    <col min="5638" max="5638" width="7.77734375" style="2" customWidth="1"/>
    <col min="5639" max="5639" width="4.88671875" style="2" customWidth="1"/>
    <col min="5640" max="5640" width="11.44140625" style="2" customWidth="1"/>
    <col min="5641" max="5641" width="10.21875" style="2" customWidth="1"/>
    <col min="5642" max="5642" width="12.88671875" style="2" customWidth="1"/>
    <col min="5643" max="5643" width="11.21875" style="2" customWidth="1"/>
    <col min="5644" max="5644" width="1.21875" style="2" customWidth="1"/>
    <col min="5645" max="5645" width="0.6640625" style="2" customWidth="1"/>
    <col min="5646" max="5646" width="15" style="2" customWidth="1"/>
    <col min="5647" max="5890" width="8.88671875" style="2"/>
    <col min="5891" max="5891" width="13.33203125" style="2" customWidth="1"/>
    <col min="5892" max="5892" width="3.109375" style="2" customWidth="1"/>
    <col min="5893" max="5893" width="7.88671875" style="2" customWidth="1"/>
    <col min="5894" max="5894" width="7.77734375" style="2" customWidth="1"/>
    <col min="5895" max="5895" width="4.88671875" style="2" customWidth="1"/>
    <col min="5896" max="5896" width="11.44140625" style="2" customWidth="1"/>
    <col min="5897" max="5897" width="10.21875" style="2" customWidth="1"/>
    <col min="5898" max="5898" width="12.88671875" style="2" customWidth="1"/>
    <col min="5899" max="5899" width="11.21875" style="2" customWidth="1"/>
    <col min="5900" max="5900" width="1.21875" style="2" customWidth="1"/>
    <col min="5901" max="5901" width="0.6640625" style="2" customWidth="1"/>
    <col min="5902" max="5902" width="15" style="2" customWidth="1"/>
    <col min="5903" max="6146" width="8.88671875" style="2"/>
    <col min="6147" max="6147" width="13.33203125" style="2" customWidth="1"/>
    <col min="6148" max="6148" width="3.109375" style="2" customWidth="1"/>
    <col min="6149" max="6149" width="7.88671875" style="2" customWidth="1"/>
    <col min="6150" max="6150" width="7.77734375" style="2" customWidth="1"/>
    <col min="6151" max="6151" width="4.88671875" style="2" customWidth="1"/>
    <col min="6152" max="6152" width="11.44140625" style="2" customWidth="1"/>
    <col min="6153" max="6153" width="10.21875" style="2" customWidth="1"/>
    <col min="6154" max="6154" width="12.88671875" style="2" customWidth="1"/>
    <col min="6155" max="6155" width="11.21875" style="2" customWidth="1"/>
    <col min="6156" max="6156" width="1.21875" style="2" customWidth="1"/>
    <col min="6157" max="6157" width="0.6640625" style="2" customWidth="1"/>
    <col min="6158" max="6158" width="15" style="2" customWidth="1"/>
    <col min="6159" max="6402" width="8.88671875" style="2"/>
    <col min="6403" max="6403" width="13.33203125" style="2" customWidth="1"/>
    <col min="6404" max="6404" width="3.109375" style="2" customWidth="1"/>
    <col min="6405" max="6405" width="7.88671875" style="2" customWidth="1"/>
    <col min="6406" max="6406" width="7.77734375" style="2" customWidth="1"/>
    <col min="6407" max="6407" width="4.88671875" style="2" customWidth="1"/>
    <col min="6408" max="6408" width="11.44140625" style="2" customWidth="1"/>
    <col min="6409" max="6409" width="10.21875" style="2" customWidth="1"/>
    <col min="6410" max="6410" width="12.88671875" style="2" customWidth="1"/>
    <col min="6411" max="6411" width="11.21875" style="2" customWidth="1"/>
    <col min="6412" max="6412" width="1.21875" style="2" customWidth="1"/>
    <col min="6413" max="6413" width="0.6640625" style="2" customWidth="1"/>
    <col min="6414" max="6414" width="15" style="2" customWidth="1"/>
    <col min="6415" max="6658" width="8.88671875" style="2"/>
    <col min="6659" max="6659" width="13.33203125" style="2" customWidth="1"/>
    <col min="6660" max="6660" width="3.109375" style="2" customWidth="1"/>
    <col min="6661" max="6661" width="7.88671875" style="2" customWidth="1"/>
    <col min="6662" max="6662" width="7.77734375" style="2" customWidth="1"/>
    <col min="6663" max="6663" width="4.88671875" style="2" customWidth="1"/>
    <col min="6664" max="6664" width="11.44140625" style="2" customWidth="1"/>
    <col min="6665" max="6665" width="10.21875" style="2" customWidth="1"/>
    <col min="6666" max="6666" width="12.88671875" style="2" customWidth="1"/>
    <col min="6667" max="6667" width="11.21875" style="2" customWidth="1"/>
    <col min="6668" max="6668" width="1.21875" style="2" customWidth="1"/>
    <col min="6669" max="6669" width="0.6640625" style="2" customWidth="1"/>
    <col min="6670" max="6670" width="15" style="2" customWidth="1"/>
    <col min="6671" max="6914" width="8.88671875" style="2"/>
    <col min="6915" max="6915" width="13.33203125" style="2" customWidth="1"/>
    <col min="6916" max="6916" width="3.109375" style="2" customWidth="1"/>
    <col min="6917" max="6917" width="7.88671875" style="2" customWidth="1"/>
    <col min="6918" max="6918" width="7.77734375" style="2" customWidth="1"/>
    <col min="6919" max="6919" width="4.88671875" style="2" customWidth="1"/>
    <col min="6920" max="6920" width="11.44140625" style="2" customWidth="1"/>
    <col min="6921" max="6921" width="10.21875" style="2" customWidth="1"/>
    <col min="6922" max="6922" width="12.88671875" style="2" customWidth="1"/>
    <col min="6923" max="6923" width="11.21875" style="2" customWidth="1"/>
    <col min="6924" max="6924" width="1.21875" style="2" customWidth="1"/>
    <col min="6925" max="6925" width="0.6640625" style="2" customWidth="1"/>
    <col min="6926" max="6926" width="15" style="2" customWidth="1"/>
    <col min="6927" max="7170" width="8.88671875" style="2"/>
    <col min="7171" max="7171" width="13.33203125" style="2" customWidth="1"/>
    <col min="7172" max="7172" width="3.109375" style="2" customWidth="1"/>
    <col min="7173" max="7173" width="7.88671875" style="2" customWidth="1"/>
    <col min="7174" max="7174" width="7.77734375" style="2" customWidth="1"/>
    <col min="7175" max="7175" width="4.88671875" style="2" customWidth="1"/>
    <col min="7176" max="7176" width="11.44140625" style="2" customWidth="1"/>
    <col min="7177" max="7177" width="10.21875" style="2" customWidth="1"/>
    <col min="7178" max="7178" width="12.88671875" style="2" customWidth="1"/>
    <col min="7179" max="7179" width="11.21875" style="2" customWidth="1"/>
    <col min="7180" max="7180" width="1.21875" style="2" customWidth="1"/>
    <col min="7181" max="7181" width="0.6640625" style="2" customWidth="1"/>
    <col min="7182" max="7182" width="15" style="2" customWidth="1"/>
    <col min="7183" max="7426" width="8.88671875" style="2"/>
    <col min="7427" max="7427" width="13.33203125" style="2" customWidth="1"/>
    <col min="7428" max="7428" width="3.109375" style="2" customWidth="1"/>
    <col min="7429" max="7429" width="7.88671875" style="2" customWidth="1"/>
    <col min="7430" max="7430" width="7.77734375" style="2" customWidth="1"/>
    <col min="7431" max="7431" width="4.88671875" style="2" customWidth="1"/>
    <col min="7432" max="7432" width="11.44140625" style="2" customWidth="1"/>
    <col min="7433" max="7433" width="10.21875" style="2" customWidth="1"/>
    <col min="7434" max="7434" width="12.88671875" style="2" customWidth="1"/>
    <col min="7435" max="7435" width="11.21875" style="2" customWidth="1"/>
    <col min="7436" max="7436" width="1.21875" style="2" customWidth="1"/>
    <col min="7437" max="7437" width="0.6640625" style="2" customWidth="1"/>
    <col min="7438" max="7438" width="15" style="2" customWidth="1"/>
    <col min="7439" max="7682" width="8.88671875" style="2"/>
    <col min="7683" max="7683" width="13.33203125" style="2" customWidth="1"/>
    <col min="7684" max="7684" width="3.109375" style="2" customWidth="1"/>
    <col min="7685" max="7685" width="7.88671875" style="2" customWidth="1"/>
    <col min="7686" max="7686" width="7.77734375" style="2" customWidth="1"/>
    <col min="7687" max="7687" width="4.88671875" style="2" customWidth="1"/>
    <col min="7688" max="7688" width="11.44140625" style="2" customWidth="1"/>
    <col min="7689" max="7689" width="10.21875" style="2" customWidth="1"/>
    <col min="7690" max="7690" width="12.88671875" style="2" customWidth="1"/>
    <col min="7691" max="7691" width="11.21875" style="2" customWidth="1"/>
    <col min="7692" max="7692" width="1.21875" style="2" customWidth="1"/>
    <col min="7693" max="7693" width="0.6640625" style="2" customWidth="1"/>
    <col min="7694" max="7694" width="15" style="2" customWidth="1"/>
    <col min="7695" max="7938" width="8.88671875" style="2"/>
    <col min="7939" max="7939" width="13.33203125" style="2" customWidth="1"/>
    <col min="7940" max="7940" width="3.109375" style="2" customWidth="1"/>
    <col min="7941" max="7941" width="7.88671875" style="2" customWidth="1"/>
    <col min="7942" max="7942" width="7.77734375" style="2" customWidth="1"/>
    <col min="7943" max="7943" width="4.88671875" style="2" customWidth="1"/>
    <col min="7944" max="7944" width="11.44140625" style="2" customWidth="1"/>
    <col min="7945" max="7945" width="10.21875" style="2" customWidth="1"/>
    <col min="7946" max="7946" width="12.88671875" style="2" customWidth="1"/>
    <col min="7947" max="7947" width="11.21875" style="2" customWidth="1"/>
    <col min="7948" max="7948" width="1.21875" style="2" customWidth="1"/>
    <col min="7949" max="7949" width="0.6640625" style="2" customWidth="1"/>
    <col min="7950" max="7950" width="15" style="2" customWidth="1"/>
    <col min="7951" max="8194" width="8.88671875" style="2"/>
    <col min="8195" max="8195" width="13.33203125" style="2" customWidth="1"/>
    <col min="8196" max="8196" width="3.109375" style="2" customWidth="1"/>
    <col min="8197" max="8197" width="7.88671875" style="2" customWidth="1"/>
    <col min="8198" max="8198" width="7.77734375" style="2" customWidth="1"/>
    <col min="8199" max="8199" width="4.88671875" style="2" customWidth="1"/>
    <col min="8200" max="8200" width="11.44140625" style="2" customWidth="1"/>
    <col min="8201" max="8201" width="10.21875" style="2" customWidth="1"/>
    <col min="8202" max="8202" width="12.88671875" style="2" customWidth="1"/>
    <col min="8203" max="8203" width="11.21875" style="2" customWidth="1"/>
    <col min="8204" max="8204" width="1.21875" style="2" customWidth="1"/>
    <col min="8205" max="8205" width="0.6640625" style="2" customWidth="1"/>
    <col min="8206" max="8206" width="15" style="2" customWidth="1"/>
    <col min="8207" max="8450" width="8.88671875" style="2"/>
    <col min="8451" max="8451" width="13.33203125" style="2" customWidth="1"/>
    <col min="8452" max="8452" width="3.109375" style="2" customWidth="1"/>
    <col min="8453" max="8453" width="7.88671875" style="2" customWidth="1"/>
    <col min="8454" max="8454" width="7.77734375" style="2" customWidth="1"/>
    <col min="8455" max="8455" width="4.88671875" style="2" customWidth="1"/>
    <col min="8456" max="8456" width="11.44140625" style="2" customWidth="1"/>
    <col min="8457" max="8457" width="10.21875" style="2" customWidth="1"/>
    <col min="8458" max="8458" width="12.88671875" style="2" customWidth="1"/>
    <col min="8459" max="8459" width="11.21875" style="2" customWidth="1"/>
    <col min="8460" max="8460" width="1.21875" style="2" customWidth="1"/>
    <col min="8461" max="8461" width="0.6640625" style="2" customWidth="1"/>
    <col min="8462" max="8462" width="15" style="2" customWidth="1"/>
    <col min="8463" max="8706" width="8.88671875" style="2"/>
    <col min="8707" max="8707" width="13.33203125" style="2" customWidth="1"/>
    <col min="8708" max="8708" width="3.109375" style="2" customWidth="1"/>
    <col min="8709" max="8709" width="7.88671875" style="2" customWidth="1"/>
    <col min="8710" max="8710" width="7.77734375" style="2" customWidth="1"/>
    <col min="8711" max="8711" width="4.88671875" style="2" customWidth="1"/>
    <col min="8712" max="8712" width="11.44140625" style="2" customWidth="1"/>
    <col min="8713" max="8713" width="10.21875" style="2" customWidth="1"/>
    <col min="8714" max="8714" width="12.88671875" style="2" customWidth="1"/>
    <col min="8715" max="8715" width="11.21875" style="2" customWidth="1"/>
    <col min="8716" max="8716" width="1.21875" style="2" customWidth="1"/>
    <col min="8717" max="8717" width="0.6640625" style="2" customWidth="1"/>
    <col min="8718" max="8718" width="15" style="2" customWidth="1"/>
    <col min="8719" max="8962" width="8.88671875" style="2"/>
    <col min="8963" max="8963" width="13.33203125" style="2" customWidth="1"/>
    <col min="8964" max="8964" width="3.109375" style="2" customWidth="1"/>
    <col min="8965" max="8965" width="7.88671875" style="2" customWidth="1"/>
    <col min="8966" max="8966" width="7.77734375" style="2" customWidth="1"/>
    <col min="8967" max="8967" width="4.88671875" style="2" customWidth="1"/>
    <col min="8968" max="8968" width="11.44140625" style="2" customWidth="1"/>
    <col min="8969" max="8969" width="10.21875" style="2" customWidth="1"/>
    <col min="8970" max="8970" width="12.88671875" style="2" customWidth="1"/>
    <col min="8971" max="8971" width="11.21875" style="2" customWidth="1"/>
    <col min="8972" max="8972" width="1.21875" style="2" customWidth="1"/>
    <col min="8973" max="8973" width="0.6640625" style="2" customWidth="1"/>
    <col min="8974" max="8974" width="15" style="2" customWidth="1"/>
    <col min="8975" max="9218" width="8.88671875" style="2"/>
    <col min="9219" max="9219" width="13.33203125" style="2" customWidth="1"/>
    <col min="9220" max="9220" width="3.109375" style="2" customWidth="1"/>
    <col min="9221" max="9221" width="7.88671875" style="2" customWidth="1"/>
    <col min="9222" max="9222" width="7.77734375" style="2" customWidth="1"/>
    <col min="9223" max="9223" width="4.88671875" style="2" customWidth="1"/>
    <col min="9224" max="9224" width="11.44140625" style="2" customWidth="1"/>
    <col min="9225" max="9225" width="10.21875" style="2" customWidth="1"/>
    <col min="9226" max="9226" width="12.88671875" style="2" customWidth="1"/>
    <col min="9227" max="9227" width="11.21875" style="2" customWidth="1"/>
    <col min="9228" max="9228" width="1.21875" style="2" customWidth="1"/>
    <col min="9229" max="9229" width="0.6640625" style="2" customWidth="1"/>
    <col min="9230" max="9230" width="15" style="2" customWidth="1"/>
    <col min="9231" max="9474" width="8.88671875" style="2"/>
    <col min="9475" max="9475" width="13.33203125" style="2" customWidth="1"/>
    <col min="9476" max="9476" width="3.109375" style="2" customWidth="1"/>
    <col min="9477" max="9477" width="7.88671875" style="2" customWidth="1"/>
    <col min="9478" max="9478" width="7.77734375" style="2" customWidth="1"/>
    <col min="9479" max="9479" width="4.88671875" style="2" customWidth="1"/>
    <col min="9480" max="9480" width="11.44140625" style="2" customWidth="1"/>
    <col min="9481" max="9481" width="10.21875" style="2" customWidth="1"/>
    <col min="9482" max="9482" width="12.88671875" style="2" customWidth="1"/>
    <col min="9483" max="9483" width="11.21875" style="2" customWidth="1"/>
    <col min="9484" max="9484" width="1.21875" style="2" customWidth="1"/>
    <col min="9485" max="9485" width="0.6640625" style="2" customWidth="1"/>
    <col min="9486" max="9486" width="15" style="2" customWidth="1"/>
    <col min="9487" max="9730" width="8.88671875" style="2"/>
    <col min="9731" max="9731" width="13.33203125" style="2" customWidth="1"/>
    <col min="9732" max="9732" width="3.109375" style="2" customWidth="1"/>
    <col min="9733" max="9733" width="7.88671875" style="2" customWidth="1"/>
    <col min="9734" max="9734" width="7.77734375" style="2" customWidth="1"/>
    <col min="9735" max="9735" width="4.88671875" style="2" customWidth="1"/>
    <col min="9736" max="9736" width="11.44140625" style="2" customWidth="1"/>
    <col min="9737" max="9737" width="10.21875" style="2" customWidth="1"/>
    <col min="9738" max="9738" width="12.88671875" style="2" customWidth="1"/>
    <col min="9739" max="9739" width="11.21875" style="2" customWidth="1"/>
    <col min="9740" max="9740" width="1.21875" style="2" customWidth="1"/>
    <col min="9741" max="9741" width="0.6640625" style="2" customWidth="1"/>
    <col min="9742" max="9742" width="15" style="2" customWidth="1"/>
    <col min="9743" max="9986" width="8.88671875" style="2"/>
    <col min="9987" max="9987" width="13.33203125" style="2" customWidth="1"/>
    <col min="9988" max="9988" width="3.109375" style="2" customWidth="1"/>
    <col min="9989" max="9989" width="7.88671875" style="2" customWidth="1"/>
    <col min="9990" max="9990" width="7.77734375" style="2" customWidth="1"/>
    <col min="9991" max="9991" width="4.88671875" style="2" customWidth="1"/>
    <col min="9992" max="9992" width="11.44140625" style="2" customWidth="1"/>
    <col min="9993" max="9993" width="10.21875" style="2" customWidth="1"/>
    <col min="9994" max="9994" width="12.88671875" style="2" customWidth="1"/>
    <col min="9995" max="9995" width="11.21875" style="2" customWidth="1"/>
    <col min="9996" max="9996" width="1.21875" style="2" customWidth="1"/>
    <col min="9997" max="9997" width="0.6640625" style="2" customWidth="1"/>
    <col min="9998" max="9998" width="15" style="2" customWidth="1"/>
    <col min="9999" max="10242" width="8.88671875" style="2"/>
    <col min="10243" max="10243" width="13.33203125" style="2" customWidth="1"/>
    <col min="10244" max="10244" width="3.109375" style="2" customWidth="1"/>
    <col min="10245" max="10245" width="7.88671875" style="2" customWidth="1"/>
    <col min="10246" max="10246" width="7.77734375" style="2" customWidth="1"/>
    <col min="10247" max="10247" width="4.88671875" style="2" customWidth="1"/>
    <col min="10248" max="10248" width="11.44140625" style="2" customWidth="1"/>
    <col min="10249" max="10249" width="10.21875" style="2" customWidth="1"/>
    <col min="10250" max="10250" width="12.88671875" style="2" customWidth="1"/>
    <col min="10251" max="10251" width="11.21875" style="2" customWidth="1"/>
    <col min="10252" max="10252" width="1.21875" style="2" customWidth="1"/>
    <col min="10253" max="10253" width="0.6640625" style="2" customWidth="1"/>
    <col min="10254" max="10254" width="15" style="2" customWidth="1"/>
    <col min="10255" max="10498" width="8.88671875" style="2"/>
    <col min="10499" max="10499" width="13.33203125" style="2" customWidth="1"/>
    <col min="10500" max="10500" width="3.109375" style="2" customWidth="1"/>
    <col min="10501" max="10501" width="7.88671875" style="2" customWidth="1"/>
    <col min="10502" max="10502" width="7.77734375" style="2" customWidth="1"/>
    <col min="10503" max="10503" width="4.88671875" style="2" customWidth="1"/>
    <col min="10504" max="10504" width="11.44140625" style="2" customWidth="1"/>
    <col min="10505" max="10505" width="10.21875" style="2" customWidth="1"/>
    <col min="10506" max="10506" width="12.88671875" style="2" customWidth="1"/>
    <col min="10507" max="10507" width="11.21875" style="2" customWidth="1"/>
    <col min="10508" max="10508" width="1.21875" style="2" customWidth="1"/>
    <col min="10509" max="10509" width="0.6640625" style="2" customWidth="1"/>
    <col min="10510" max="10510" width="15" style="2" customWidth="1"/>
    <col min="10511" max="10754" width="8.88671875" style="2"/>
    <col min="10755" max="10755" width="13.33203125" style="2" customWidth="1"/>
    <col min="10756" max="10756" width="3.109375" style="2" customWidth="1"/>
    <col min="10757" max="10757" width="7.88671875" style="2" customWidth="1"/>
    <col min="10758" max="10758" width="7.77734375" style="2" customWidth="1"/>
    <col min="10759" max="10759" width="4.88671875" style="2" customWidth="1"/>
    <col min="10760" max="10760" width="11.44140625" style="2" customWidth="1"/>
    <col min="10761" max="10761" width="10.21875" style="2" customWidth="1"/>
    <col min="10762" max="10762" width="12.88671875" style="2" customWidth="1"/>
    <col min="10763" max="10763" width="11.21875" style="2" customWidth="1"/>
    <col min="10764" max="10764" width="1.21875" style="2" customWidth="1"/>
    <col min="10765" max="10765" width="0.6640625" style="2" customWidth="1"/>
    <col min="10766" max="10766" width="15" style="2" customWidth="1"/>
    <col min="10767" max="11010" width="8.88671875" style="2"/>
    <col min="11011" max="11011" width="13.33203125" style="2" customWidth="1"/>
    <col min="11012" max="11012" width="3.109375" style="2" customWidth="1"/>
    <col min="11013" max="11013" width="7.88671875" style="2" customWidth="1"/>
    <col min="11014" max="11014" width="7.77734375" style="2" customWidth="1"/>
    <col min="11015" max="11015" width="4.88671875" style="2" customWidth="1"/>
    <col min="11016" max="11016" width="11.44140625" style="2" customWidth="1"/>
    <col min="11017" max="11017" width="10.21875" style="2" customWidth="1"/>
    <col min="11018" max="11018" width="12.88671875" style="2" customWidth="1"/>
    <col min="11019" max="11019" width="11.21875" style="2" customWidth="1"/>
    <col min="11020" max="11020" width="1.21875" style="2" customWidth="1"/>
    <col min="11021" max="11021" width="0.6640625" style="2" customWidth="1"/>
    <col min="11022" max="11022" width="15" style="2" customWidth="1"/>
    <col min="11023" max="11266" width="8.88671875" style="2"/>
    <col min="11267" max="11267" width="13.33203125" style="2" customWidth="1"/>
    <col min="11268" max="11268" width="3.109375" style="2" customWidth="1"/>
    <col min="11269" max="11269" width="7.88671875" style="2" customWidth="1"/>
    <col min="11270" max="11270" width="7.77734375" style="2" customWidth="1"/>
    <col min="11271" max="11271" width="4.88671875" style="2" customWidth="1"/>
    <col min="11272" max="11272" width="11.44140625" style="2" customWidth="1"/>
    <col min="11273" max="11273" width="10.21875" style="2" customWidth="1"/>
    <col min="11274" max="11274" width="12.88671875" style="2" customWidth="1"/>
    <col min="11275" max="11275" width="11.21875" style="2" customWidth="1"/>
    <col min="11276" max="11276" width="1.21875" style="2" customWidth="1"/>
    <col min="11277" max="11277" width="0.6640625" style="2" customWidth="1"/>
    <col min="11278" max="11278" width="15" style="2" customWidth="1"/>
    <col min="11279" max="11522" width="8.88671875" style="2"/>
    <col min="11523" max="11523" width="13.33203125" style="2" customWidth="1"/>
    <col min="11524" max="11524" width="3.109375" style="2" customWidth="1"/>
    <col min="11525" max="11525" width="7.88671875" style="2" customWidth="1"/>
    <col min="11526" max="11526" width="7.77734375" style="2" customWidth="1"/>
    <col min="11527" max="11527" width="4.88671875" style="2" customWidth="1"/>
    <col min="11528" max="11528" width="11.44140625" style="2" customWidth="1"/>
    <col min="11529" max="11529" width="10.21875" style="2" customWidth="1"/>
    <col min="11530" max="11530" width="12.88671875" style="2" customWidth="1"/>
    <col min="11531" max="11531" width="11.21875" style="2" customWidth="1"/>
    <col min="11532" max="11532" width="1.21875" style="2" customWidth="1"/>
    <col min="11533" max="11533" width="0.6640625" style="2" customWidth="1"/>
    <col min="11534" max="11534" width="15" style="2" customWidth="1"/>
    <col min="11535" max="11778" width="8.88671875" style="2"/>
    <col min="11779" max="11779" width="13.33203125" style="2" customWidth="1"/>
    <col min="11780" max="11780" width="3.109375" style="2" customWidth="1"/>
    <col min="11781" max="11781" width="7.88671875" style="2" customWidth="1"/>
    <col min="11782" max="11782" width="7.77734375" style="2" customWidth="1"/>
    <col min="11783" max="11783" width="4.88671875" style="2" customWidth="1"/>
    <col min="11784" max="11784" width="11.44140625" style="2" customWidth="1"/>
    <col min="11785" max="11785" width="10.21875" style="2" customWidth="1"/>
    <col min="11786" max="11786" width="12.88671875" style="2" customWidth="1"/>
    <col min="11787" max="11787" width="11.21875" style="2" customWidth="1"/>
    <col min="11788" max="11788" width="1.21875" style="2" customWidth="1"/>
    <col min="11789" max="11789" width="0.6640625" style="2" customWidth="1"/>
    <col min="11790" max="11790" width="15" style="2" customWidth="1"/>
    <col min="11791" max="12034" width="8.88671875" style="2"/>
    <col min="12035" max="12035" width="13.33203125" style="2" customWidth="1"/>
    <col min="12036" max="12036" width="3.109375" style="2" customWidth="1"/>
    <col min="12037" max="12037" width="7.88671875" style="2" customWidth="1"/>
    <col min="12038" max="12038" width="7.77734375" style="2" customWidth="1"/>
    <col min="12039" max="12039" width="4.88671875" style="2" customWidth="1"/>
    <col min="12040" max="12040" width="11.44140625" style="2" customWidth="1"/>
    <col min="12041" max="12041" width="10.21875" style="2" customWidth="1"/>
    <col min="12042" max="12042" width="12.88671875" style="2" customWidth="1"/>
    <col min="12043" max="12043" width="11.21875" style="2" customWidth="1"/>
    <col min="12044" max="12044" width="1.21875" style="2" customWidth="1"/>
    <col min="12045" max="12045" width="0.6640625" style="2" customWidth="1"/>
    <col min="12046" max="12046" width="15" style="2" customWidth="1"/>
    <col min="12047" max="12290" width="8.88671875" style="2"/>
    <col min="12291" max="12291" width="13.33203125" style="2" customWidth="1"/>
    <col min="12292" max="12292" width="3.109375" style="2" customWidth="1"/>
    <col min="12293" max="12293" width="7.88671875" style="2" customWidth="1"/>
    <col min="12294" max="12294" width="7.77734375" style="2" customWidth="1"/>
    <col min="12295" max="12295" width="4.88671875" style="2" customWidth="1"/>
    <col min="12296" max="12296" width="11.44140625" style="2" customWidth="1"/>
    <col min="12297" max="12297" width="10.21875" style="2" customWidth="1"/>
    <col min="12298" max="12298" width="12.88671875" style="2" customWidth="1"/>
    <col min="12299" max="12299" width="11.21875" style="2" customWidth="1"/>
    <col min="12300" max="12300" width="1.21875" style="2" customWidth="1"/>
    <col min="12301" max="12301" width="0.6640625" style="2" customWidth="1"/>
    <col min="12302" max="12302" width="15" style="2" customWidth="1"/>
    <col min="12303" max="12546" width="8.88671875" style="2"/>
    <col min="12547" max="12547" width="13.33203125" style="2" customWidth="1"/>
    <col min="12548" max="12548" width="3.109375" style="2" customWidth="1"/>
    <col min="12549" max="12549" width="7.88671875" style="2" customWidth="1"/>
    <col min="12550" max="12550" width="7.77734375" style="2" customWidth="1"/>
    <col min="12551" max="12551" width="4.88671875" style="2" customWidth="1"/>
    <col min="12552" max="12552" width="11.44140625" style="2" customWidth="1"/>
    <col min="12553" max="12553" width="10.21875" style="2" customWidth="1"/>
    <col min="12554" max="12554" width="12.88671875" style="2" customWidth="1"/>
    <col min="12555" max="12555" width="11.21875" style="2" customWidth="1"/>
    <col min="12556" max="12556" width="1.21875" style="2" customWidth="1"/>
    <col min="12557" max="12557" width="0.6640625" style="2" customWidth="1"/>
    <col min="12558" max="12558" width="15" style="2" customWidth="1"/>
    <col min="12559" max="12802" width="8.88671875" style="2"/>
    <col min="12803" max="12803" width="13.33203125" style="2" customWidth="1"/>
    <col min="12804" max="12804" width="3.109375" style="2" customWidth="1"/>
    <col min="12805" max="12805" width="7.88671875" style="2" customWidth="1"/>
    <col min="12806" max="12806" width="7.77734375" style="2" customWidth="1"/>
    <col min="12807" max="12807" width="4.88671875" style="2" customWidth="1"/>
    <col min="12808" max="12808" width="11.44140625" style="2" customWidth="1"/>
    <col min="12809" max="12809" width="10.21875" style="2" customWidth="1"/>
    <col min="12810" max="12810" width="12.88671875" style="2" customWidth="1"/>
    <col min="12811" max="12811" width="11.21875" style="2" customWidth="1"/>
    <col min="12812" max="12812" width="1.21875" style="2" customWidth="1"/>
    <col min="12813" max="12813" width="0.6640625" style="2" customWidth="1"/>
    <col min="12814" max="12814" width="15" style="2" customWidth="1"/>
    <col min="12815" max="13058" width="8.88671875" style="2"/>
    <col min="13059" max="13059" width="13.33203125" style="2" customWidth="1"/>
    <col min="13060" max="13060" width="3.109375" style="2" customWidth="1"/>
    <col min="13061" max="13061" width="7.88671875" style="2" customWidth="1"/>
    <col min="13062" max="13062" width="7.77734375" style="2" customWidth="1"/>
    <col min="13063" max="13063" width="4.88671875" style="2" customWidth="1"/>
    <col min="13064" max="13064" width="11.44140625" style="2" customWidth="1"/>
    <col min="13065" max="13065" width="10.21875" style="2" customWidth="1"/>
    <col min="13066" max="13066" width="12.88671875" style="2" customWidth="1"/>
    <col min="13067" max="13067" width="11.21875" style="2" customWidth="1"/>
    <col min="13068" max="13068" width="1.21875" style="2" customWidth="1"/>
    <col min="13069" max="13069" width="0.6640625" style="2" customWidth="1"/>
    <col min="13070" max="13070" width="15" style="2" customWidth="1"/>
    <col min="13071" max="13314" width="8.88671875" style="2"/>
    <col min="13315" max="13315" width="13.33203125" style="2" customWidth="1"/>
    <col min="13316" max="13316" width="3.109375" style="2" customWidth="1"/>
    <col min="13317" max="13317" width="7.88671875" style="2" customWidth="1"/>
    <col min="13318" max="13318" width="7.77734375" style="2" customWidth="1"/>
    <col min="13319" max="13319" width="4.88671875" style="2" customWidth="1"/>
    <col min="13320" max="13320" width="11.44140625" style="2" customWidth="1"/>
    <col min="13321" max="13321" width="10.21875" style="2" customWidth="1"/>
    <col min="13322" max="13322" width="12.88671875" style="2" customWidth="1"/>
    <col min="13323" max="13323" width="11.21875" style="2" customWidth="1"/>
    <col min="13324" max="13324" width="1.21875" style="2" customWidth="1"/>
    <col min="13325" max="13325" width="0.6640625" style="2" customWidth="1"/>
    <col min="13326" max="13326" width="15" style="2" customWidth="1"/>
    <col min="13327" max="13570" width="8.88671875" style="2"/>
    <col min="13571" max="13571" width="13.33203125" style="2" customWidth="1"/>
    <col min="13572" max="13572" width="3.109375" style="2" customWidth="1"/>
    <col min="13573" max="13573" width="7.88671875" style="2" customWidth="1"/>
    <col min="13574" max="13574" width="7.77734375" style="2" customWidth="1"/>
    <col min="13575" max="13575" width="4.88671875" style="2" customWidth="1"/>
    <col min="13576" max="13576" width="11.44140625" style="2" customWidth="1"/>
    <col min="13577" max="13577" width="10.21875" style="2" customWidth="1"/>
    <col min="13578" max="13578" width="12.88671875" style="2" customWidth="1"/>
    <col min="13579" max="13579" width="11.21875" style="2" customWidth="1"/>
    <col min="13580" max="13580" width="1.21875" style="2" customWidth="1"/>
    <col min="13581" max="13581" width="0.6640625" style="2" customWidth="1"/>
    <col min="13582" max="13582" width="15" style="2" customWidth="1"/>
    <col min="13583" max="13826" width="8.88671875" style="2"/>
    <col min="13827" max="13827" width="13.33203125" style="2" customWidth="1"/>
    <col min="13828" max="13828" width="3.109375" style="2" customWidth="1"/>
    <col min="13829" max="13829" width="7.88671875" style="2" customWidth="1"/>
    <col min="13830" max="13830" width="7.77734375" style="2" customWidth="1"/>
    <col min="13831" max="13831" width="4.88671875" style="2" customWidth="1"/>
    <col min="13832" max="13832" width="11.44140625" style="2" customWidth="1"/>
    <col min="13833" max="13833" width="10.21875" style="2" customWidth="1"/>
    <col min="13834" max="13834" width="12.88671875" style="2" customWidth="1"/>
    <col min="13835" max="13835" width="11.21875" style="2" customWidth="1"/>
    <col min="13836" max="13836" width="1.21875" style="2" customWidth="1"/>
    <col min="13837" max="13837" width="0.6640625" style="2" customWidth="1"/>
    <col min="13838" max="13838" width="15" style="2" customWidth="1"/>
    <col min="13839" max="14082" width="8.88671875" style="2"/>
    <col min="14083" max="14083" width="13.33203125" style="2" customWidth="1"/>
    <col min="14084" max="14084" width="3.109375" style="2" customWidth="1"/>
    <col min="14085" max="14085" width="7.88671875" style="2" customWidth="1"/>
    <col min="14086" max="14086" width="7.77734375" style="2" customWidth="1"/>
    <col min="14087" max="14087" width="4.88671875" style="2" customWidth="1"/>
    <col min="14088" max="14088" width="11.44140625" style="2" customWidth="1"/>
    <col min="14089" max="14089" width="10.21875" style="2" customWidth="1"/>
    <col min="14090" max="14090" width="12.88671875" style="2" customWidth="1"/>
    <col min="14091" max="14091" width="11.21875" style="2" customWidth="1"/>
    <col min="14092" max="14092" width="1.21875" style="2" customWidth="1"/>
    <col min="14093" max="14093" width="0.6640625" style="2" customWidth="1"/>
    <col min="14094" max="14094" width="15" style="2" customWidth="1"/>
    <col min="14095" max="14338" width="8.88671875" style="2"/>
    <col min="14339" max="14339" width="13.33203125" style="2" customWidth="1"/>
    <col min="14340" max="14340" width="3.109375" style="2" customWidth="1"/>
    <col min="14341" max="14341" width="7.88671875" style="2" customWidth="1"/>
    <col min="14342" max="14342" width="7.77734375" style="2" customWidth="1"/>
    <col min="14343" max="14343" width="4.88671875" style="2" customWidth="1"/>
    <col min="14344" max="14344" width="11.44140625" style="2" customWidth="1"/>
    <col min="14345" max="14345" width="10.21875" style="2" customWidth="1"/>
    <col min="14346" max="14346" width="12.88671875" style="2" customWidth="1"/>
    <col min="14347" max="14347" width="11.21875" style="2" customWidth="1"/>
    <col min="14348" max="14348" width="1.21875" style="2" customWidth="1"/>
    <col min="14349" max="14349" width="0.6640625" style="2" customWidth="1"/>
    <col min="14350" max="14350" width="15" style="2" customWidth="1"/>
    <col min="14351" max="14594" width="8.88671875" style="2"/>
    <col min="14595" max="14595" width="13.33203125" style="2" customWidth="1"/>
    <col min="14596" max="14596" width="3.109375" style="2" customWidth="1"/>
    <col min="14597" max="14597" width="7.88671875" style="2" customWidth="1"/>
    <col min="14598" max="14598" width="7.77734375" style="2" customWidth="1"/>
    <col min="14599" max="14599" width="4.88671875" style="2" customWidth="1"/>
    <col min="14600" max="14600" width="11.44140625" style="2" customWidth="1"/>
    <col min="14601" max="14601" width="10.21875" style="2" customWidth="1"/>
    <col min="14602" max="14602" width="12.88671875" style="2" customWidth="1"/>
    <col min="14603" max="14603" width="11.21875" style="2" customWidth="1"/>
    <col min="14604" max="14604" width="1.21875" style="2" customWidth="1"/>
    <col min="14605" max="14605" width="0.6640625" style="2" customWidth="1"/>
    <col min="14606" max="14606" width="15" style="2" customWidth="1"/>
    <col min="14607" max="14850" width="8.88671875" style="2"/>
    <col min="14851" max="14851" width="13.33203125" style="2" customWidth="1"/>
    <col min="14852" max="14852" width="3.109375" style="2" customWidth="1"/>
    <col min="14853" max="14853" width="7.88671875" style="2" customWidth="1"/>
    <col min="14854" max="14854" width="7.77734375" style="2" customWidth="1"/>
    <col min="14855" max="14855" width="4.88671875" style="2" customWidth="1"/>
    <col min="14856" max="14856" width="11.44140625" style="2" customWidth="1"/>
    <col min="14857" max="14857" width="10.21875" style="2" customWidth="1"/>
    <col min="14858" max="14858" width="12.88671875" style="2" customWidth="1"/>
    <col min="14859" max="14859" width="11.21875" style="2" customWidth="1"/>
    <col min="14860" max="14860" width="1.21875" style="2" customWidth="1"/>
    <col min="14861" max="14861" width="0.6640625" style="2" customWidth="1"/>
    <col min="14862" max="14862" width="15" style="2" customWidth="1"/>
    <col min="14863" max="15106" width="8.88671875" style="2"/>
    <col min="15107" max="15107" width="13.33203125" style="2" customWidth="1"/>
    <col min="15108" max="15108" width="3.109375" style="2" customWidth="1"/>
    <col min="15109" max="15109" width="7.88671875" style="2" customWidth="1"/>
    <col min="15110" max="15110" width="7.77734375" style="2" customWidth="1"/>
    <col min="15111" max="15111" width="4.88671875" style="2" customWidth="1"/>
    <col min="15112" max="15112" width="11.44140625" style="2" customWidth="1"/>
    <col min="15113" max="15113" width="10.21875" style="2" customWidth="1"/>
    <col min="15114" max="15114" width="12.88671875" style="2" customWidth="1"/>
    <col min="15115" max="15115" width="11.21875" style="2" customWidth="1"/>
    <col min="15116" max="15116" width="1.21875" style="2" customWidth="1"/>
    <col min="15117" max="15117" width="0.6640625" style="2" customWidth="1"/>
    <col min="15118" max="15118" width="15" style="2" customWidth="1"/>
    <col min="15119" max="15362" width="8.88671875" style="2"/>
    <col min="15363" max="15363" width="13.33203125" style="2" customWidth="1"/>
    <col min="15364" max="15364" width="3.109375" style="2" customWidth="1"/>
    <col min="15365" max="15365" width="7.88671875" style="2" customWidth="1"/>
    <col min="15366" max="15366" width="7.77734375" style="2" customWidth="1"/>
    <col min="15367" max="15367" width="4.88671875" style="2" customWidth="1"/>
    <col min="15368" max="15368" width="11.44140625" style="2" customWidth="1"/>
    <col min="15369" max="15369" width="10.21875" style="2" customWidth="1"/>
    <col min="15370" max="15370" width="12.88671875" style="2" customWidth="1"/>
    <col min="15371" max="15371" width="11.21875" style="2" customWidth="1"/>
    <col min="15372" max="15372" width="1.21875" style="2" customWidth="1"/>
    <col min="15373" max="15373" width="0.6640625" style="2" customWidth="1"/>
    <col min="15374" max="15374" width="15" style="2" customWidth="1"/>
    <col min="15375" max="15618" width="8.88671875" style="2"/>
    <col min="15619" max="15619" width="13.33203125" style="2" customWidth="1"/>
    <col min="15620" max="15620" width="3.109375" style="2" customWidth="1"/>
    <col min="15621" max="15621" width="7.88671875" style="2" customWidth="1"/>
    <col min="15622" max="15622" width="7.77734375" style="2" customWidth="1"/>
    <col min="15623" max="15623" width="4.88671875" style="2" customWidth="1"/>
    <col min="15624" max="15624" width="11.44140625" style="2" customWidth="1"/>
    <col min="15625" max="15625" width="10.21875" style="2" customWidth="1"/>
    <col min="15626" max="15626" width="12.88671875" style="2" customWidth="1"/>
    <col min="15627" max="15627" width="11.21875" style="2" customWidth="1"/>
    <col min="15628" max="15628" width="1.21875" style="2" customWidth="1"/>
    <col min="15629" max="15629" width="0.6640625" style="2" customWidth="1"/>
    <col min="15630" max="15630" width="15" style="2" customWidth="1"/>
    <col min="15631" max="15874" width="8.88671875" style="2"/>
    <col min="15875" max="15875" width="13.33203125" style="2" customWidth="1"/>
    <col min="15876" max="15876" width="3.109375" style="2" customWidth="1"/>
    <col min="15877" max="15877" width="7.88671875" style="2" customWidth="1"/>
    <col min="15878" max="15878" width="7.77734375" style="2" customWidth="1"/>
    <col min="15879" max="15879" width="4.88671875" style="2" customWidth="1"/>
    <col min="15880" max="15880" width="11.44140625" style="2" customWidth="1"/>
    <col min="15881" max="15881" width="10.21875" style="2" customWidth="1"/>
    <col min="15882" max="15882" width="12.88671875" style="2" customWidth="1"/>
    <col min="15883" max="15883" width="11.21875" style="2" customWidth="1"/>
    <col min="15884" max="15884" width="1.21875" style="2" customWidth="1"/>
    <col min="15885" max="15885" width="0.6640625" style="2" customWidth="1"/>
    <col min="15886" max="15886" width="15" style="2" customWidth="1"/>
    <col min="15887" max="16130" width="8.88671875" style="2"/>
    <col min="16131" max="16131" width="13.33203125" style="2" customWidth="1"/>
    <col min="16132" max="16132" width="3.109375" style="2" customWidth="1"/>
    <col min="16133" max="16133" width="7.88671875" style="2" customWidth="1"/>
    <col min="16134" max="16134" width="7.77734375" style="2" customWidth="1"/>
    <col min="16135" max="16135" width="4.88671875" style="2" customWidth="1"/>
    <col min="16136" max="16136" width="11.44140625" style="2" customWidth="1"/>
    <col min="16137" max="16137" width="10.21875" style="2" customWidth="1"/>
    <col min="16138" max="16138" width="12.88671875" style="2" customWidth="1"/>
    <col min="16139" max="16139" width="11.21875" style="2" customWidth="1"/>
    <col min="16140" max="16140" width="1.21875" style="2" customWidth="1"/>
    <col min="16141" max="16141" width="0.6640625" style="2" customWidth="1"/>
    <col min="16142" max="16142" width="15" style="2" customWidth="1"/>
    <col min="16143" max="16384" width="8.88671875" style="2"/>
  </cols>
  <sheetData>
    <row r="1" spans="1:11" ht="30.75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30" customHeight="1" x14ac:dyDescent="0.2">
      <c r="A2" s="3" t="s">
        <v>1</v>
      </c>
      <c r="B2" s="3"/>
      <c r="C2" s="3"/>
      <c r="D2" s="3"/>
      <c r="E2" s="3"/>
      <c r="F2" s="3"/>
      <c r="G2" s="3"/>
      <c r="H2" s="3"/>
      <c r="I2" s="3"/>
      <c r="J2" s="3"/>
      <c r="K2" s="3"/>
    </row>
    <row r="3" spans="1:11" ht="18" customHeight="1" x14ac:dyDescent="0.2">
      <c r="A3" s="4" t="s">
        <v>2</v>
      </c>
      <c r="B3" s="5"/>
      <c r="C3" s="4" t="s">
        <v>3</v>
      </c>
      <c r="D3" s="6"/>
      <c r="E3" s="7"/>
      <c r="F3" s="8" t="s">
        <v>4</v>
      </c>
      <c r="G3" s="9"/>
      <c r="H3" s="9"/>
      <c r="I3" s="9"/>
      <c r="J3" s="9" t="s">
        <v>5</v>
      </c>
      <c r="K3" s="10"/>
    </row>
    <row r="4" spans="1:11" ht="18" customHeight="1" x14ac:dyDescent="0.2">
      <c r="A4" s="11"/>
      <c r="B4" s="12"/>
      <c r="C4" s="13"/>
      <c r="D4" s="14"/>
      <c r="E4" s="15"/>
      <c r="F4" s="16" t="s">
        <v>6</v>
      </c>
      <c r="G4" s="17"/>
      <c r="H4" s="17"/>
      <c r="I4" s="17"/>
      <c r="J4" s="17" t="s">
        <v>5</v>
      </c>
      <c r="K4" s="18"/>
    </row>
    <row r="5" spans="1:11" ht="18" customHeight="1" x14ac:dyDescent="0.2">
      <c r="A5" s="11"/>
      <c r="B5" s="12"/>
      <c r="C5" s="19"/>
      <c r="D5" s="20"/>
      <c r="E5" s="21"/>
      <c r="F5" s="22" t="s">
        <v>7</v>
      </c>
      <c r="G5" s="23"/>
      <c r="H5" s="23"/>
      <c r="I5" s="23"/>
      <c r="J5" s="23" t="s">
        <v>8</v>
      </c>
      <c r="K5" s="24"/>
    </row>
    <row r="6" spans="1:11" ht="28.5" customHeight="1" x14ac:dyDescent="0.2">
      <c r="A6" s="11"/>
      <c r="B6" s="12"/>
      <c r="C6" s="25" t="s">
        <v>9</v>
      </c>
      <c r="D6" s="26"/>
      <c r="E6" s="27"/>
      <c r="F6" s="27"/>
      <c r="G6" s="27"/>
      <c r="H6" s="27"/>
      <c r="I6" s="27"/>
      <c r="J6" s="27"/>
      <c r="K6" s="28" t="s">
        <v>10</v>
      </c>
    </row>
    <row r="7" spans="1:11" ht="28.5" customHeight="1" x14ac:dyDescent="0.2">
      <c r="A7" s="11"/>
      <c r="B7" s="12"/>
      <c r="C7" s="19" t="s">
        <v>11</v>
      </c>
      <c r="D7" s="20"/>
      <c r="E7" s="29"/>
      <c r="F7" s="30"/>
      <c r="G7" s="30"/>
      <c r="H7" s="30"/>
      <c r="I7" s="30"/>
      <c r="J7" s="31"/>
      <c r="K7" s="28" t="s">
        <v>12</v>
      </c>
    </row>
    <row r="8" spans="1:11" ht="28.5" customHeight="1" x14ac:dyDescent="0.2">
      <c r="A8" s="32"/>
      <c r="B8" s="33"/>
      <c r="C8" s="34" t="s">
        <v>13</v>
      </c>
      <c r="D8" s="35"/>
      <c r="E8" s="34" t="s">
        <v>14</v>
      </c>
      <c r="F8" s="36"/>
      <c r="G8" s="36"/>
      <c r="H8" s="36"/>
      <c r="I8" s="36"/>
      <c r="J8" s="36"/>
      <c r="K8" s="35"/>
    </row>
    <row r="9" spans="1:11" ht="18" customHeight="1" x14ac:dyDescent="0.2">
      <c r="A9" s="28" t="s">
        <v>9</v>
      </c>
      <c r="B9" s="37"/>
      <c r="C9" s="38"/>
      <c r="D9" s="38"/>
      <c r="E9" s="38"/>
      <c r="F9" s="38"/>
      <c r="G9" s="38"/>
      <c r="H9" s="38"/>
      <c r="I9" s="38"/>
      <c r="J9" s="38"/>
      <c r="K9" s="38"/>
    </row>
    <row r="10" spans="1:11" ht="25.5" customHeight="1" x14ac:dyDescent="0.2">
      <c r="A10" s="39" t="s">
        <v>15</v>
      </c>
      <c r="B10" s="40"/>
      <c r="C10" s="40"/>
      <c r="D10" s="40"/>
      <c r="E10" s="40"/>
      <c r="F10" s="40"/>
      <c r="G10" s="40"/>
      <c r="H10" s="40"/>
      <c r="I10" s="40"/>
      <c r="J10" s="40"/>
      <c r="K10" s="40"/>
    </row>
    <row r="11" spans="1:11" ht="25.5" customHeight="1" x14ac:dyDescent="0.2">
      <c r="A11" s="39"/>
      <c r="B11" s="41" t="s">
        <v>16</v>
      </c>
      <c r="C11" s="41"/>
      <c r="D11" s="41"/>
      <c r="E11" s="41"/>
      <c r="F11" s="41"/>
      <c r="G11" s="41"/>
      <c r="H11" s="41"/>
      <c r="I11" s="41"/>
      <c r="J11" s="41"/>
      <c r="K11" s="41"/>
    </row>
    <row r="12" spans="1:11" ht="42.75" customHeight="1" x14ac:dyDescent="0.2">
      <c r="A12" s="28" t="s">
        <v>17</v>
      </c>
      <c r="B12" s="42" t="s">
        <v>18</v>
      </c>
      <c r="C12" s="43"/>
      <c r="D12" s="44"/>
      <c r="E12" s="45" t="s">
        <v>19</v>
      </c>
      <c r="F12" s="46" t="s">
        <v>20</v>
      </c>
      <c r="G12" s="47"/>
      <c r="H12" s="47"/>
      <c r="I12" s="47"/>
      <c r="J12" s="47"/>
      <c r="K12" s="47"/>
    </row>
    <row r="13" spans="1:11" ht="19.5" customHeight="1" x14ac:dyDescent="0.2">
      <c r="A13" s="2" t="s">
        <v>21</v>
      </c>
    </row>
    <row r="14" spans="1:11" ht="30" customHeight="1" thickBot="1" x14ac:dyDescent="0.25">
      <c r="A14" s="48" t="s">
        <v>22</v>
      </c>
      <c r="B14" s="49"/>
      <c r="C14" s="50"/>
      <c r="D14" s="48" t="s">
        <v>23</v>
      </c>
      <c r="E14" s="49"/>
      <c r="F14" s="49"/>
      <c r="G14" s="49"/>
      <c r="H14" s="49"/>
      <c r="I14" s="49"/>
      <c r="J14" s="49"/>
      <c r="K14" s="50"/>
    </row>
    <row r="15" spans="1:11" ht="30" customHeight="1" thickTop="1" x14ac:dyDescent="0.2">
      <c r="A15" s="51" t="s">
        <v>24</v>
      </c>
      <c r="B15" s="52"/>
      <c r="C15" s="53"/>
      <c r="D15" s="54"/>
      <c r="E15" s="55"/>
      <c r="F15" s="55"/>
      <c r="G15" s="55"/>
      <c r="H15" s="55"/>
      <c r="I15" s="55"/>
      <c r="J15" s="55"/>
      <c r="K15" s="56"/>
    </row>
    <row r="16" spans="1:11" ht="30" customHeight="1" x14ac:dyDescent="0.2">
      <c r="A16" s="57" t="s">
        <v>24</v>
      </c>
      <c r="B16" s="58"/>
      <c r="C16" s="59"/>
      <c r="D16" s="38"/>
      <c r="E16" s="60"/>
      <c r="F16" s="60"/>
      <c r="G16" s="60"/>
      <c r="H16" s="60"/>
      <c r="I16" s="60"/>
      <c r="J16" s="60"/>
      <c r="K16" s="61"/>
    </row>
    <row r="17" spans="1:11" ht="30" customHeight="1" x14ac:dyDescent="0.2">
      <c r="A17" s="57" t="s">
        <v>24</v>
      </c>
      <c r="B17" s="58"/>
      <c r="C17" s="59"/>
      <c r="D17" s="38"/>
      <c r="E17" s="60"/>
      <c r="F17" s="60"/>
      <c r="G17" s="60"/>
      <c r="H17" s="60"/>
      <c r="I17" s="60"/>
      <c r="J17" s="60"/>
      <c r="K17" s="61"/>
    </row>
    <row r="18" spans="1:11" ht="30" customHeight="1" x14ac:dyDescent="0.2">
      <c r="A18" s="57" t="s">
        <v>24</v>
      </c>
      <c r="B18" s="58"/>
      <c r="C18" s="59"/>
      <c r="D18" s="38"/>
      <c r="E18" s="60"/>
      <c r="F18" s="60"/>
      <c r="G18" s="60"/>
      <c r="H18" s="60"/>
      <c r="I18" s="60"/>
      <c r="J18" s="60"/>
      <c r="K18" s="61"/>
    </row>
    <row r="19" spans="1:11" ht="30" customHeight="1" x14ac:dyDescent="0.2">
      <c r="A19" s="57" t="s">
        <v>24</v>
      </c>
      <c r="B19" s="58"/>
      <c r="C19" s="59"/>
      <c r="D19" s="62"/>
      <c r="E19" s="63"/>
      <c r="F19" s="63"/>
      <c r="G19" s="63"/>
      <c r="H19" s="63"/>
      <c r="I19" s="63"/>
      <c r="J19" s="63"/>
      <c r="K19" s="64"/>
    </row>
    <row r="20" spans="1:11" ht="30" customHeight="1" x14ac:dyDescent="0.2">
      <c r="A20" s="2" t="s">
        <v>25</v>
      </c>
    </row>
    <row r="21" spans="1:11" ht="30" customHeight="1" thickBot="1" x14ac:dyDescent="0.25">
      <c r="A21" s="48" t="s">
        <v>26</v>
      </c>
      <c r="B21" s="49"/>
      <c r="C21" s="50"/>
      <c r="D21" s="48" t="s">
        <v>27</v>
      </c>
      <c r="E21" s="49"/>
      <c r="F21" s="49"/>
      <c r="G21" s="49"/>
      <c r="H21" s="49"/>
      <c r="I21" s="49"/>
      <c r="J21" s="49"/>
      <c r="K21" s="50"/>
    </row>
    <row r="22" spans="1:11" ht="30" customHeight="1" thickTop="1" x14ac:dyDescent="0.2">
      <c r="A22" s="51" t="s">
        <v>24</v>
      </c>
      <c r="B22" s="52"/>
      <c r="C22" s="53"/>
      <c r="D22" s="65"/>
      <c r="E22" s="65"/>
      <c r="F22" s="65"/>
      <c r="G22" s="65"/>
      <c r="H22" s="65"/>
      <c r="I22" s="65"/>
      <c r="J22" s="65"/>
      <c r="K22" s="65"/>
    </row>
    <row r="23" spans="1:11" ht="30" customHeight="1" x14ac:dyDescent="0.2">
      <c r="A23" s="57" t="s">
        <v>24</v>
      </c>
      <c r="B23" s="58"/>
      <c r="C23" s="59"/>
      <c r="D23" s="38"/>
      <c r="E23" s="60"/>
      <c r="F23" s="60"/>
      <c r="G23" s="60"/>
      <c r="H23" s="60"/>
      <c r="I23" s="60"/>
      <c r="J23" s="60"/>
      <c r="K23" s="61"/>
    </row>
    <row r="24" spans="1:11" ht="30" customHeight="1" x14ac:dyDescent="0.2">
      <c r="A24" s="57" t="s">
        <v>24</v>
      </c>
      <c r="B24" s="58"/>
      <c r="C24" s="59"/>
      <c r="D24" s="37"/>
      <c r="E24" s="38"/>
      <c r="F24" s="38"/>
      <c r="G24" s="38"/>
      <c r="H24" s="38"/>
      <c r="I24" s="38"/>
      <c r="J24" s="38"/>
      <c r="K24" s="38"/>
    </row>
    <row r="25" spans="1:11" ht="30" customHeight="1" x14ac:dyDescent="0.2">
      <c r="A25" s="57" t="s">
        <v>24</v>
      </c>
      <c r="B25" s="58"/>
      <c r="C25" s="59"/>
      <c r="D25" s="38"/>
      <c r="E25" s="38"/>
      <c r="F25" s="38"/>
      <c r="G25" s="38"/>
      <c r="H25" s="38"/>
      <c r="I25" s="38"/>
      <c r="J25" s="38"/>
      <c r="K25" s="38"/>
    </row>
    <row r="26" spans="1:11" ht="30" customHeight="1" x14ac:dyDescent="0.2">
      <c r="A26" s="57" t="s">
        <v>24</v>
      </c>
      <c r="B26" s="58"/>
      <c r="C26" s="59"/>
      <c r="D26" s="38"/>
      <c r="E26" s="38"/>
      <c r="F26" s="38"/>
      <c r="G26" s="38"/>
      <c r="H26" s="38"/>
      <c r="I26" s="38"/>
      <c r="J26" s="38"/>
      <c r="K26" s="38"/>
    </row>
    <row r="27" spans="1:11" ht="30" customHeight="1" x14ac:dyDescent="0.2"/>
    <row r="28" spans="1:11" ht="33.75" customHeight="1" x14ac:dyDescent="0.2">
      <c r="A28" s="2" t="s">
        <v>0</v>
      </c>
    </row>
    <row r="29" spans="1:11" ht="26.25" customHeight="1" x14ac:dyDescent="0.2">
      <c r="A29" s="2" t="s">
        <v>1</v>
      </c>
    </row>
    <row r="30" spans="1:11" ht="26.25" customHeight="1" thickBot="1" x14ac:dyDescent="0.25">
      <c r="A30" s="48" t="s">
        <v>28</v>
      </c>
      <c r="B30" s="49"/>
      <c r="C30" s="49"/>
      <c r="D30" s="49"/>
      <c r="E30" s="50"/>
      <c r="F30" s="48" t="s">
        <v>29</v>
      </c>
      <c r="G30" s="49"/>
      <c r="H30" s="49"/>
      <c r="I30" s="49"/>
      <c r="J30" s="49"/>
      <c r="K30" s="50"/>
    </row>
    <row r="31" spans="1:11" ht="27" customHeight="1" thickTop="1" x14ac:dyDescent="0.2">
      <c r="A31" s="66" t="s">
        <v>30</v>
      </c>
      <c r="B31" s="67"/>
      <c r="C31" s="67"/>
      <c r="D31" s="67"/>
      <c r="E31" s="68"/>
      <c r="F31" s="69"/>
      <c r="G31" s="70"/>
      <c r="H31" s="70"/>
      <c r="I31" s="70"/>
      <c r="J31" s="70"/>
      <c r="K31" s="71"/>
    </row>
    <row r="32" spans="1:11" ht="27" customHeight="1" x14ac:dyDescent="0.2">
      <c r="A32" s="66" t="s">
        <v>31</v>
      </c>
      <c r="B32" s="67"/>
      <c r="C32" s="67"/>
      <c r="D32" s="67"/>
      <c r="E32" s="68"/>
      <c r="F32" s="72"/>
      <c r="G32" s="36"/>
      <c r="H32" s="36"/>
      <c r="I32" s="36"/>
      <c r="J32" s="36"/>
      <c r="K32" s="35"/>
    </row>
    <row r="33" spans="1:11" ht="27" customHeight="1" x14ac:dyDescent="0.2">
      <c r="A33" s="66" t="s">
        <v>31</v>
      </c>
      <c r="B33" s="67"/>
      <c r="C33" s="67"/>
      <c r="D33" s="67"/>
      <c r="E33" s="68"/>
      <c r="F33" s="72"/>
      <c r="G33" s="73"/>
      <c r="H33" s="73"/>
      <c r="I33" s="73"/>
      <c r="J33" s="73"/>
      <c r="K33" s="74"/>
    </row>
    <row r="34" spans="1:11" ht="27" customHeight="1" x14ac:dyDescent="0.2">
      <c r="A34" s="66" t="s">
        <v>30</v>
      </c>
      <c r="B34" s="67"/>
      <c r="C34" s="67"/>
      <c r="D34" s="67"/>
      <c r="E34" s="68"/>
      <c r="F34" s="34"/>
      <c r="G34" s="36"/>
      <c r="H34" s="36"/>
      <c r="I34" s="36"/>
      <c r="J34" s="36"/>
      <c r="K34" s="35"/>
    </row>
    <row r="35" spans="1:11" ht="27" customHeight="1" x14ac:dyDescent="0.2">
      <c r="A35" s="66" t="s">
        <v>30</v>
      </c>
      <c r="B35" s="67"/>
      <c r="C35" s="67"/>
      <c r="D35" s="67"/>
      <c r="E35" s="68"/>
      <c r="F35" s="34"/>
      <c r="G35" s="36"/>
      <c r="H35" s="36"/>
      <c r="I35" s="36"/>
      <c r="J35" s="36"/>
      <c r="K35" s="35"/>
    </row>
    <row r="36" spans="1:11" ht="27" customHeight="1" x14ac:dyDescent="0.2">
      <c r="A36" s="66" t="s">
        <v>31</v>
      </c>
      <c r="B36" s="67"/>
      <c r="C36" s="67"/>
      <c r="D36" s="67"/>
      <c r="E36" s="68"/>
      <c r="F36" s="34"/>
      <c r="G36" s="36"/>
      <c r="H36" s="36"/>
      <c r="I36" s="36"/>
      <c r="J36" s="36"/>
      <c r="K36" s="35"/>
    </row>
    <row r="37" spans="1:11" ht="26.25" customHeight="1" x14ac:dyDescent="0.2">
      <c r="A37" s="75"/>
      <c r="B37" s="75"/>
      <c r="C37" s="75"/>
      <c r="D37" s="75"/>
      <c r="E37" s="75"/>
      <c r="F37" s="75"/>
      <c r="G37" s="75"/>
      <c r="H37" s="75"/>
      <c r="I37" s="75"/>
      <c r="J37" s="75"/>
      <c r="K37" s="75"/>
    </row>
    <row r="38" spans="1:11" ht="26.25" customHeight="1" x14ac:dyDescent="0.2">
      <c r="A38" s="76" t="s">
        <v>32</v>
      </c>
      <c r="B38" s="77"/>
      <c r="C38" s="77"/>
      <c r="D38" s="77"/>
      <c r="E38" s="77"/>
      <c r="F38" s="77"/>
      <c r="G38" s="77"/>
      <c r="H38" s="77"/>
      <c r="I38" s="77"/>
      <c r="J38" s="77"/>
      <c r="K38" s="78"/>
    </row>
    <row r="39" spans="1:11" ht="15" customHeight="1" x14ac:dyDescent="0.2">
      <c r="A39" s="79" t="s">
        <v>33</v>
      </c>
      <c r="B39" s="80"/>
      <c r="C39" s="80"/>
      <c r="D39" s="80"/>
      <c r="E39" s="80"/>
      <c r="F39" s="80"/>
      <c r="G39" s="80"/>
      <c r="H39" s="80"/>
      <c r="I39" s="80"/>
      <c r="J39" s="80"/>
      <c r="K39" s="81"/>
    </row>
    <row r="40" spans="1:11" ht="15" customHeight="1" x14ac:dyDescent="0.2">
      <c r="A40" s="79" t="s">
        <v>34</v>
      </c>
      <c r="B40" s="80"/>
      <c r="C40" s="80"/>
      <c r="D40" s="80"/>
      <c r="E40" s="80"/>
      <c r="F40" s="80"/>
      <c r="G40" s="80"/>
      <c r="H40" s="80"/>
      <c r="I40" s="80"/>
      <c r="J40" s="80"/>
      <c r="K40" s="81"/>
    </row>
    <row r="41" spans="1:11" ht="15" customHeight="1" x14ac:dyDescent="0.2">
      <c r="A41" s="79" t="s">
        <v>35</v>
      </c>
      <c r="B41" s="80"/>
      <c r="C41" s="80"/>
      <c r="D41" s="80"/>
      <c r="E41" s="80"/>
      <c r="F41" s="80"/>
      <c r="G41" s="80"/>
      <c r="H41" s="80"/>
      <c r="I41" s="80"/>
      <c r="J41" s="80"/>
      <c r="K41" s="81"/>
    </row>
    <row r="42" spans="1:11" ht="21.9" customHeight="1" x14ac:dyDescent="0.2">
      <c r="A42" s="82"/>
      <c r="B42" s="83"/>
      <c r="C42" s="83"/>
      <c r="D42" s="83"/>
      <c r="E42" s="83"/>
      <c r="F42" s="83"/>
      <c r="G42" s="83"/>
      <c r="H42" s="83"/>
      <c r="I42" s="83"/>
      <c r="J42" s="83"/>
      <c r="K42" s="84"/>
    </row>
    <row r="43" spans="1:11" ht="84" customHeight="1" x14ac:dyDescent="0.2">
      <c r="A43" s="85" t="s">
        <v>36</v>
      </c>
      <c r="B43" s="86"/>
      <c r="C43" s="86"/>
      <c r="D43" s="86"/>
      <c r="E43" s="86"/>
      <c r="F43" s="86"/>
      <c r="G43" s="86"/>
      <c r="H43" s="86"/>
      <c r="I43" s="86"/>
      <c r="J43" s="86"/>
      <c r="K43" s="87"/>
    </row>
    <row r="44" spans="1:11" ht="21.9" customHeight="1" x14ac:dyDescent="0.2">
      <c r="A44" s="85"/>
      <c r="B44" s="86"/>
      <c r="C44" s="86"/>
      <c r="D44" s="86"/>
      <c r="E44" s="86"/>
      <c r="F44" s="86"/>
      <c r="G44" s="86"/>
      <c r="H44" s="86"/>
      <c r="I44" s="86"/>
      <c r="J44" s="86"/>
      <c r="K44" s="87"/>
    </row>
    <row r="45" spans="1:11" ht="21.9" customHeight="1" x14ac:dyDescent="0.2">
      <c r="A45" s="85"/>
      <c r="B45" s="86"/>
      <c r="C45" s="86"/>
      <c r="D45" s="86"/>
      <c r="E45" s="86"/>
      <c r="F45" s="86"/>
      <c r="G45" s="86"/>
      <c r="H45" s="86"/>
      <c r="I45" s="86"/>
      <c r="J45" s="86"/>
      <c r="K45" s="87"/>
    </row>
    <row r="46" spans="1:11" ht="21.9" customHeight="1" x14ac:dyDescent="0.2">
      <c r="A46" s="85"/>
      <c r="B46" s="86"/>
      <c r="C46" s="86"/>
      <c r="D46" s="86"/>
      <c r="E46" s="86"/>
      <c r="F46" s="86"/>
      <c r="G46" s="86"/>
      <c r="H46" s="86"/>
      <c r="I46" s="86"/>
      <c r="J46" s="86"/>
      <c r="K46" s="87"/>
    </row>
    <row r="47" spans="1:11" ht="21.9" customHeight="1" x14ac:dyDescent="0.2">
      <c r="A47" s="85"/>
      <c r="B47" s="86"/>
      <c r="C47" s="86"/>
      <c r="D47" s="86"/>
      <c r="E47" s="86"/>
      <c r="F47" s="86"/>
      <c r="G47" s="86"/>
      <c r="H47" s="86"/>
      <c r="I47" s="86"/>
      <c r="J47" s="86"/>
      <c r="K47" s="87"/>
    </row>
    <row r="48" spans="1:11" ht="21.9" customHeight="1" x14ac:dyDescent="0.2">
      <c r="A48" s="85"/>
      <c r="B48" s="86"/>
      <c r="C48" s="86"/>
      <c r="D48" s="86"/>
      <c r="E48" s="86"/>
      <c r="F48" s="86"/>
      <c r="G48" s="86"/>
      <c r="H48" s="86"/>
      <c r="I48" s="86"/>
      <c r="J48" s="86"/>
      <c r="K48" s="87"/>
    </row>
    <row r="49" spans="1:11" ht="21.9" customHeight="1" x14ac:dyDescent="0.2">
      <c r="A49" s="85"/>
      <c r="B49" s="86"/>
      <c r="C49" s="86"/>
      <c r="D49" s="86"/>
      <c r="E49" s="86"/>
      <c r="F49" s="86"/>
      <c r="G49" s="86"/>
      <c r="H49" s="86"/>
      <c r="I49" s="86"/>
      <c r="J49" s="86"/>
      <c r="K49" s="87"/>
    </row>
    <row r="50" spans="1:11" ht="21.9" customHeight="1" x14ac:dyDescent="0.2">
      <c r="A50" s="85"/>
      <c r="B50" s="86"/>
      <c r="C50" s="86"/>
      <c r="D50" s="86"/>
      <c r="E50" s="86"/>
      <c r="F50" s="86"/>
      <c r="G50" s="86"/>
      <c r="H50" s="86"/>
      <c r="I50" s="86"/>
      <c r="J50" s="86"/>
      <c r="K50" s="87"/>
    </row>
    <row r="51" spans="1:11" ht="21.9" customHeight="1" x14ac:dyDescent="0.2">
      <c r="A51" s="88" t="s">
        <v>37</v>
      </c>
      <c r="B51" s="89"/>
      <c r="C51" s="89"/>
      <c r="D51" s="89"/>
      <c r="E51" s="89"/>
      <c r="F51" s="89"/>
      <c r="G51" s="89"/>
      <c r="H51" s="89"/>
      <c r="I51" s="89"/>
      <c r="J51" s="89"/>
      <c r="K51" s="90"/>
    </row>
    <row r="52" spans="1:11" ht="21.9" customHeight="1" x14ac:dyDescent="0.2">
      <c r="A52" s="85"/>
      <c r="B52" s="86"/>
      <c r="C52" s="86"/>
      <c r="D52" s="86"/>
      <c r="E52" s="86"/>
      <c r="F52" s="86"/>
      <c r="G52" s="86"/>
      <c r="H52" s="86"/>
      <c r="I52" s="86"/>
      <c r="J52" s="86"/>
      <c r="K52" s="87"/>
    </row>
    <row r="53" spans="1:11" ht="24" customHeight="1" x14ac:dyDescent="0.2">
      <c r="A53" s="85"/>
      <c r="B53" s="86"/>
      <c r="C53" s="86"/>
      <c r="D53" s="86"/>
      <c r="E53" s="86"/>
      <c r="F53" s="86"/>
      <c r="G53" s="86"/>
      <c r="H53" s="86"/>
      <c r="I53" s="86"/>
      <c r="J53" s="86"/>
      <c r="K53" s="87"/>
    </row>
    <row r="54" spans="1:11" ht="24" customHeight="1" x14ac:dyDescent="0.2">
      <c r="A54" s="85"/>
      <c r="B54" s="86"/>
      <c r="C54" s="86"/>
      <c r="D54" s="86"/>
      <c r="E54" s="86"/>
      <c r="F54" s="86"/>
      <c r="G54" s="86"/>
      <c r="H54" s="86"/>
      <c r="I54" s="86"/>
      <c r="J54" s="86"/>
      <c r="K54" s="87"/>
    </row>
    <row r="55" spans="1:11" ht="19.2" customHeight="1" x14ac:dyDescent="0.2">
      <c r="A55" s="91"/>
      <c r="B55" s="92"/>
      <c r="C55" s="92"/>
      <c r="D55" s="92"/>
      <c r="E55" s="92"/>
      <c r="F55" s="92"/>
      <c r="G55" s="92"/>
      <c r="H55" s="92"/>
      <c r="I55" s="92"/>
      <c r="J55" s="92"/>
      <c r="K55" s="93"/>
    </row>
    <row r="56" spans="1:11" ht="24" customHeight="1" x14ac:dyDescent="0.2">
      <c r="A56" s="94"/>
      <c r="B56" s="94"/>
      <c r="C56" s="94"/>
    </row>
    <row r="57" spans="1:11" ht="26.25" customHeight="1" x14ac:dyDescent="0.2">
      <c r="A57" s="95" t="s">
        <v>38</v>
      </c>
      <c r="B57" s="95"/>
      <c r="C57" s="95"/>
    </row>
    <row r="58" spans="1:11" ht="26.25" customHeight="1" x14ac:dyDescent="0.2">
      <c r="A58" s="96" t="s">
        <v>39</v>
      </c>
      <c r="B58" s="96"/>
      <c r="C58" s="96"/>
    </row>
    <row r="59" spans="1:11" ht="26.25" customHeight="1" x14ac:dyDescent="0.2">
      <c r="A59" s="96" t="s">
        <v>40</v>
      </c>
      <c r="B59" s="97"/>
      <c r="C59" s="97"/>
    </row>
    <row r="60" spans="1:11" ht="26.25" customHeight="1" x14ac:dyDescent="0.2">
      <c r="A60" s="96" t="s">
        <v>41</v>
      </c>
      <c r="B60" s="97"/>
      <c r="C60" s="97"/>
    </row>
    <row r="61" spans="1:11" ht="26.25" customHeight="1" x14ac:dyDescent="0.2">
      <c r="A61" s="96" t="s">
        <v>42</v>
      </c>
      <c r="B61" s="97"/>
      <c r="C61" s="97"/>
    </row>
    <row r="62" spans="1:11" ht="26.25" customHeight="1" x14ac:dyDescent="0.2"/>
    <row r="63" spans="1:11" ht="26.25" customHeight="1" x14ac:dyDescent="0.2"/>
    <row r="64" spans="1:11" ht="26.25" customHeight="1" x14ac:dyDescent="0.2"/>
    <row r="65" ht="26.25" customHeight="1" x14ac:dyDescent="0.2"/>
    <row r="66" ht="26.25" customHeight="1" x14ac:dyDescent="0.2"/>
    <row r="67" ht="26.25" customHeight="1" x14ac:dyDescent="0.2"/>
    <row r="68" ht="26.25" customHeight="1" x14ac:dyDescent="0.2"/>
    <row r="69" ht="26.25" customHeight="1" x14ac:dyDescent="0.2"/>
  </sheetData>
  <mergeCells count="65">
    <mergeCell ref="A40:K40"/>
    <mergeCell ref="A41:K41"/>
    <mergeCell ref="A43:K50"/>
    <mergeCell ref="A51:K55"/>
    <mergeCell ref="A56:C56"/>
    <mergeCell ref="A57:C57"/>
    <mergeCell ref="A35:E35"/>
    <mergeCell ref="F35:K35"/>
    <mergeCell ref="A36:E36"/>
    <mergeCell ref="F36:K36"/>
    <mergeCell ref="A38:K38"/>
    <mergeCell ref="A39:K39"/>
    <mergeCell ref="A32:E32"/>
    <mergeCell ref="F32:K32"/>
    <mergeCell ref="A33:E33"/>
    <mergeCell ref="F33:K33"/>
    <mergeCell ref="A34:E34"/>
    <mergeCell ref="F34:K34"/>
    <mergeCell ref="A26:C26"/>
    <mergeCell ref="D26:K26"/>
    <mergeCell ref="A30:E30"/>
    <mergeCell ref="F30:K30"/>
    <mergeCell ref="A31:E31"/>
    <mergeCell ref="F31:K31"/>
    <mergeCell ref="A23:C23"/>
    <mergeCell ref="D23:K23"/>
    <mergeCell ref="A24:C24"/>
    <mergeCell ref="D24:K24"/>
    <mergeCell ref="A25:C25"/>
    <mergeCell ref="D25:K25"/>
    <mergeCell ref="A19:C19"/>
    <mergeCell ref="D19:K19"/>
    <mergeCell ref="A21:C21"/>
    <mergeCell ref="D21:K21"/>
    <mergeCell ref="A22:C22"/>
    <mergeCell ref="D22:K22"/>
    <mergeCell ref="A16:C16"/>
    <mergeCell ref="D16:K16"/>
    <mergeCell ref="A17:C17"/>
    <mergeCell ref="D17:K17"/>
    <mergeCell ref="A18:C18"/>
    <mergeCell ref="D18:K18"/>
    <mergeCell ref="B12:D12"/>
    <mergeCell ref="F12:K12"/>
    <mergeCell ref="A14:C14"/>
    <mergeCell ref="D14:K14"/>
    <mergeCell ref="A15:C15"/>
    <mergeCell ref="D15:K15"/>
    <mergeCell ref="E7:J7"/>
    <mergeCell ref="C8:D8"/>
    <mergeCell ref="E8:K8"/>
    <mergeCell ref="B9:K9"/>
    <mergeCell ref="A10:A11"/>
    <mergeCell ref="B10:K10"/>
    <mergeCell ref="B11:K11"/>
    <mergeCell ref="A1:K1"/>
    <mergeCell ref="A2:K2"/>
    <mergeCell ref="A3:B8"/>
    <mergeCell ref="C3:D5"/>
    <mergeCell ref="F3:K3"/>
    <mergeCell ref="F4:K4"/>
    <mergeCell ref="F5:K5"/>
    <mergeCell ref="C6:D6"/>
    <mergeCell ref="E6:J6"/>
    <mergeCell ref="C7:D7"/>
  </mergeCells>
  <phoneticPr fontId="3"/>
  <printOptions horizontalCentered="1"/>
  <pageMargins left="0.78740157480314965" right="0.78740157480314965" top="0.6692913385826772" bottom="0.6692913385826772" header="0.31496062992125984" footer="0.35433070866141736"/>
  <pageSetup paperSize="9" scale="93" orientation="portrait" r:id="rId1"/>
  <headerFooter alignWithMargins="0"/>
  <rowBreaks count="1" manualBreakCount="1">
    <brk id="27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採用申込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5-11-27T01:51:02Z</dcterms:created>
  <dcterms:modified xsi:type="dcterms:W3CDTF">2025-11-27T01:51:36Z</dcterms:modified>
</cp:coreProperties>
</file>